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8.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9.xml" ContentType="application/vnd.openxmlformats-officedocument.presentationml.notesSl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notesSlides/notesSlide10.xml" ContentType="application/vnd.openxmlformats-officedocument.presentationml.notesSlid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1"/>
  </p:sldMasterIdLst>
  <p:notesMasterIdLst>
    <p:notesMasterId r:id="rId20"/>
  </p:notesMasterIdLst>
  <p:sldIdLst>
    <p:sldId id="257" r:id="rId2"/>
    <p:sldId id="271" r:id="rId3"/>
    <p:sldId id="259" r:id="rId4"/>
    <p:sldId id="272" r:id="rId5"/>
    <p:sldId id="275" r:id="rId6"/>
    <p:sldId id="279" r:id="rId7"/>
    <p:sldId id="284" r:id="rId8"/>
    <p:sldId id="287" r:id="rId9"/>
    <p:sldId id="286" r:id="rId10"/>
    <p:sldId id="288" r:id="rId11"/>
    <p:sldId id="295" r:id="rId12"/>
    <p:sldId id="293" r:id="rId13"/>
    <p:sldId id="262" r:id="rId14"/>
    <p:sldId id="269" r:id="rId15"/>
    <p:sldId id="270" r:id="rId16"/>
    <p:sldId id="264" r:id="rId17"/>
    <p:sldId id="281" r:id="rId18"/>
    <p:sldId id="291" r:id="rId19"/>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D7AC3CCA-C797-4891-BE02-D94E43425B78}" styleName="Medium Style 4">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w="12700" cmpd="sng">
              <a:solidFill>
                <a:schemeClr val="dk1"/>
              </a:solid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25400" cmpd="sng">
              <a:solidFill>
                <a:schemeClr val="dk1"/>
              </a:solidFill>
            </a:ln>
          </a:top>
        </a:tcBdr>
        <a:fill>
          <a:solidFill>
            <a:schemeClr val="dk1">
              <a:tint val="20000"/>
            </a:schemeClr>
          </a:solidFill>
        </a:fill>
      </a:tcStyle>
    </a:lastRow>
    <a:firstRow>
      <a:tcTxStyle b="on"/>
      <a:tcStyle>
        <a:tcBdr/>
        <a:fill>
          <a:solidFill>
            <a:schemeClr val="dk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89852" autoAdjust="0"/>
  </p:normalViewPr>
  <p:slideViewPr>
    <p:cSldViewPr snapToGrid="0">
      <p:cViewPr varScale="1">
        <p:scale>
          <a:sx n="61" d="100"/>
          <a:sy n="61" d="100"/>
        </p:scale>
        <p:origin x="978" y="9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Data%20Analysis/Ratio_disparity.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1-17.xlsx"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https://resultsorg-my.sharepoint.com/personal/akrupar_results_org/Documents/RTEI/Global%20Report/2016/Data/2017%20visuals_2-9.xlsx" TargetMode="External"/><Relationship Id="rId2" Type="http://schemas.microsoft.com/office/2011/relationships/chartColorStyle" Target="colors8.xml"/><Relationship Id="rId1" Type="http://schemas.microsoft.com/office/2011/relationships/chartStyle" Target="style8.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920" b="1" i="0" u="none" strike="noStrike" kern="1200" cap="all" spc="120" normalizeH="0" baseline="0">
                <a:solidFill>
                  <a:schemeClr val="tx1"/>
                </a:solidFill>
                <a:latin typeface="Helvetica" panose="020B0604020202020204" pitchFamily="34" charset="0"/>
                <a:ea typeface="+mn-ea"/>
                <a:cs typeface="Helvetica" panose="020B0604020202020204" pitchFamily="34" charset="0"/>
              </a:defRPr>
            </a:pPr>
            <a:r>
              <a:rPr lang="en-US">
                <a:solidFill>
                  <a:schemeClr val="tx1"/>
                </a:solidFill>
              </a:rPr>
              <a:t>Index score composition by theme</a:t>
            </a:r>
          </a:p>
        </c:rich>
      </c:tx>
      <c:overlay val="0"/>
      <c:spPr>
        <a:noFill/>
        <a:ln>
          <a:noFill/>
        </a:ln>
        <a:effectLst/>
      </c:spPr>
      <c:txPr>
        <a:bodyPr rot="0" spcFirstLastPara="1" vertOverflow="ellipsis" vert="horz" wrap="square" anchor="ctr" anchorCtr="1"/>
        <a:lstStyle/>
        <a:p>
          <a:pPr>
            <a:defRPr sz="1920" b="1" i="0" u="none" strike="noStrike" kern="1200" cap="all" spc="120" normalizeH="0" baseline="0">
              <a:solidFill>
                <a:schemeClr val="tx1"/>
              </a:solidFill>
              <a:latin typeface="Helvetica" panose="020B0604020202020204" pitchFamily="34" charset="0"/>
              <a:ea typeface="+mn-ea"/>
              <a:cs typeface="Helvetica" panose="020B0604020202020204" pitchFamily="34" charset="0"/>
            </a:defRPr>
          </a:pPr>
          <a:endParaRPr lang="en-US"/>
        </a:p>
      </c:txPr>
    </c:title>
    <c:autoTitleDeleted val="0"/>
    <c:plotArea>
      <c:layout/>
      <c:barChart>
        <c:barDir val="bar"/>
        <c:grouping val="stacked"/>
        <c:varyColors val="0"/>
        <c:ser>
          <c:idx val="1"/>
          <c:order val="0"/>
          <c:tx>
            <c:strRef>
              <c:f>Overall!$V$1</c:f>
              <c:strCache>
                <c:ptCount val="1"/>
                <c:pt idx="0">
                  <c:v>Governance</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600" b="0" i="0" u="none" strike="noStrike" kern="1200" baseline="0">
                    <a:solidFill>
                      <a:schemeClr val="lt1"/>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Overall!$T$2:$T$16</c:f>
              <c:strCache>
                <c:ptCount val="15"/>
                <c:pt idx="0">
                  <c:v>Chile</c:v>
                </c:pt>
                <c:pt idx="1">
                  <c:v>DRC</c:v>
                </c:pt>
                <c:pt idx="2">
                  <c:v>Zimbabwe</c:v>
                </c:pt>
                <c:pt idx="3">
                  <c:v>Tanzania</c:v>
                </c:pt>
                <c:pt idx="4">
                  <c:v>U.S.</c:v>
                </c:pt>
                <c:pt idx="5">
                  <c:v>Palestine</c:v>
                </c:pt>
                <c:pt idx="6">
                  <c:v>Honduras</c:v>
                </c:pt>
                <c:pt idx="7">
                  <c:v>Indonesia</c:v>
                </c:pt>
                <c:pt idx="8">
                  <c:v>Nigeria</c:v>
                </c:pt>
                <c:pt idx="9">
                  <c:v>South Korea</c:v>
                </c:pt>
                <c:pt idx="10">
                  <c:v>Ethiopia</c:v>
                </c:pt>
                <c:pt idx="11">
                  <c:v>Philippines</c:v>
                </c:pt>
                <c:pt idx="12">
                  <c:v>Australia</c:v>
                </c:pt>
                <c:pt idx="13">
                  <c:v>Canada</c:v>
                </c:pt>
                <c:pt idx="14">
                  <c:v>UK</c:v>
                </c:pt>
              </c:strCache>
            </c:strRef>
          </c:cat>
          <c:val>
            <c:numRef>
              <c:f>Overall!$V$2:$V$16</c:f>
              <c:numCache>
                <c:formatCode>0%</c:formatCode>
                <c:ptCount val="15"/>
                <c:pt idx="0">
                  <c:v>0.68535783135791073</c:v>
                </c:pt>
                <c:pt idx="1">
                  <c:v>0.79510664843133805</c:v>
                </c:pt>
                <c:pt idx="2">
                  <c:v>0.71619990214528206</c:v>
                </c:pt>
                <c:pt idx="3">
                  <c:v>0.85010803429663762</c:v>
                </c:pt>
                <c:pt idx="4">
                  <c:v>0.66748097260646866</c:v>
                </c:pt>
                <c:pt idx="5">
                  <c:v>0.86576235853456918</c:v>
                </c:pt>
                <c:pt idx="6">
                  <c:v>0.9061629993440069</c:v>
                </c:pt>
                <c:pt idx="7">
                  <c:v>0.85907589675741081</c:v>
                </c:pt>
                <c:pt idx="8">
                  <c:v>0.93899408744849311</c:v>
                </c:pt>
                <c:pt idx="9">
                  <c:v>0.7605207926413794</c:v>
                </c:pt>
                <c:pt idx="10">
                  <c:v>0.89871842997353557</c:v>
                </c:pt>
                <c:pt idx="11">
                  <c:v>0.91219483310092697</c:v>
                </c:pt>
                <c:pt idx="12">
                  <c:v>0.81422803005019107</c:v>
                </c:pt>
                <c:pt idx="13">
                  <c:v>0.75651499872683414</c:v>
                </c:pt>
                <c:pt idx="14">
                  <c:v>0.87366077666456032</c:v>
                </c:pt>
              </c:numCache>
            </c:numRef>
          </c:val>
          <c:extLst>
            <c:ext xmlns:c16="http://schemas.microsoft.com/office/drawing/2014/chart" uri="{C3380CC4-5D6E-409C-BE32-E72D297353CC}">
              <c16:uniqueId val="{00000000-6FD4-4534-83B7-28FF1341EBFA}"/>
            </c:ext>
          </c:extLst>
        </c:ser>
        <c:ser>
          <c:idx val="2"/>
          <c:order val="1"/>
          <c:tx>
            <c:strRef>
              <c:f>Overall!$W$1</c:f>
              <c:strCache>
                <c:ptCount val="1"/>
                <c:pt idx="0">
                  <c:v>Availability </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600" b="0" i="0" u="none" strike="noStrike" kern="1200" baseline="0">
                    <a:solidFill>
                      <a:schemeClr val="lt1"/>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Overall!$T$2:$T$16</c:f>
              <c:strCache>
                <c:ptCount val="15"/>
                <c:pt idx="0">
                  <c:v>Chile</c:v>
                </c:pt>
                <c:pt idx="1">
                  <c:v>DRC</c:v>
                </c:pt>
                <c:pt idx="2">
                  <c:v>Zimbabwe</c:v>
                </c:pt>
                <c:pt idx="3">
                  <c:v>Tanzania</c:v>
                </c:pt>
                <c:pt idx="4">
                  <c:v>U.S.</c:v>
                </c:pt>
                <c:pt idx="5">
                  <c:v>Palestine</c:v>
                </c:pt>
                <c:pt idx="6">
                  <c:v>Honduras</c:v>
                </c:pt>
                <c:pt idx="7">
                  <c:v>Indonesia</c:v>
                </c:pt>
                <c:pt idx="8">
                  <c:v>Nigeria</c:v>
                </c:pt>
                <c:pt idx="9">
                  <c:v>South Korea</c:v>
                </c:pt>
                <c:pt idx="10">
                  <c:v>Ethiopia</c:v>
                </c:pt>
                <c:pt idx="11">
                  <c:v>Philippines</c:v>
                </c:pt>
                <c:pt idx="12">
                  <c:v>Australia</c:v>
                </c:pt>
                <c:pt idx="13">
                  <c:v>Canada</c:v>
                </c:pt>
                <c:pt idx="14">
                  <c:v>UK</c:v>
                </c:pt>
              </c:strCache>
            </c:strRef>
          </c:cat>
          <c:val>
            <c:numRef>
              <c:f>Overall!$W$2:$W$16</c:f>
              <c:numCache>
                <c:formatCode>0%</c:formatCode>
                <c:ptCount val="15"/>
                <c:pt idx="0">
                  <c:v>0.67943662816918349</c:v>
                </c:pt>
                <c:pt idx="1">
                  <c:v>0.81878173917399899</c:v>
                </c:pt>
                <c:pt idx="2">
                  <c:v>0.82626156270526196</c:v>
                </c:pt>
                <c:pt idx="3">
                  <c:v>0.63545788226931044</c:v>
                </c:pt>
                <c:pt idx="4">
                  <c:v>0.97356333298908371</c:v>
                </c:pt>
                <c:pt idx="5">
                  <c:v>0.85239870137116003</c:v>
                </c:pt>
                <c:pt idx="6">
                  <c:v>0.74076506954125998</c:v>
                </c:pt>
                <c:pt idx="7">
                  <c:v>0.87338067940935171</c:v>
                </c:pt>
                <c:pt idx="8">
                  <c:v>0.62368163766571594</c:v>
                </c:pt>
                <c:pt idx="9">
                  <c:v>0.94759080682396701</c:v>
                </c:pt>
                <c:pt idx="10">
                  <c:v>0.54984614877136695</c:v>
                </c:pt>
                <c:pt idx="11">
                  <c:v>0.733620352775472</c:v>
                </c:pt>
                <c:pt idx="12">
                  <c:v>1</c:v>
                </c:pt>
                <c:pt idx="13">
                  <c:v>0.97241523400671159</c:v>
                </c:pt>
                <c:pt idx="14">
                  <c:v>0.99332684632663737</c:v>
                </c:pt>
              </c:numCache>
            </c:numRef>
          </c:val>
          <c:extLst>
            <c:ext xmlns:c16="http://schemas.microsoft.com/office/drawing/2014/chart" uri="{C3380CC4-5D6E-409C-BE32-E72D297353CC}">
              <c16:uniqueId val="{00000001-6FD4-4534-83B7-28FF1341EBFA}"/>
            </c:ext>
          </c:extLst>
        </c:ser>
        <c:ser>
          <c:idx val="3"/>
          <c:order val="2"/>
          <c:tx>
            <c:strRef>
              <c:f>Overall!$X$1</c:f>
              <c:strCache>
                <c:ptCount val="1"/>
                <c:pt idx="0">
                  <c:v>Accessibility</c:v>
                </c:pt>
              </c:strCache>
            </c:strRef>
          </c:tx>
          <c:spPr>
            <a:solidFill>
              <a:schemeClr val="accent4"/>
            </a:solidFill>
            <a:ln>
              <a:noFill/>
            </a:ln>
            <a:effectLst/>
          </c:spPr>
          <c:invertIfNegative val="0"/>
          <c:dLbls>
            <c:spPr>
              <a:noFill/>
              <a:ln>
                <a:noFill/>
              </a:ln>
              <a:effectLst/>
            </c:spPr>
            <c:txPr>
              <a:bodyPr rot="0" spcFirstLastPara="1" vertOverflow="ellipsis" vert="horz" wrap="square" anchor="ctr" anchorCtr="1"/>
              <a:lstStyle/>
              <a:p>
                <a:pPr>
                  <a:defRPr sz="1600" b="0" i="0" u="none" strike="noStrike" kern="1200" baseline="0">
                    <a:solidFill>
                      <a:schemeClr val="lt1"/>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Overall!$T$2:$T$16</c:f>
              <c:strCache>
                <c:ptCount val="15"/>
                <c:pt idx="0">
                  <c:v>Chile</c:v>
                </c:pt>
                <c:pt idx="1">
                  <c:v>DRC</c:v>
                </c:pt>
                <c:pt idx="2">
                  <c:v>Zimbabwe</c:v>
                </c:pt>
                <c:pt idx="3">
                  <c:v>Tanzania</c:v>
                </c:pt>
                <c:pt idx="4">
                  <c:v>U.S.</c:v>
                </c:pt>
                <c:pt idx="5">
                  <c:v>Palestine</c:v>
                </c:pt>
                <c:pt idx="6">
                  <c:v>Honduras</c:v>
                </c:pt>
                <c:pt idx="7">
                  <c:v>Indonesia</c:v>
                </c:pt>
                <c:pt idx="8">
                  <c:v>Nigeria</c:v>
                </c:pt>
                <c:pt idx="9">
                  <c:v>South Korea</c:v>
                </c:pt>
                <c:pt idx="10">
                  <c:v>Ethiopia</c:v>
                </c:pt>
                <c:pt idx="11">
                  <c:v>Philippines</c:v>
                </c:pt>
                <c:pt idx="12">
                  <c:v>Australia</c:v>
                </c:pt>
                <c:pt idx="13">
                  <c:v>Canada</c:v>
                </c:pt>
                <c:pt idx="14">
                  <c:v>UK</c:v>
                </c:pt>
              </c:strCache>
            </c:strRef>
          </c:cat>
          <c:val>
            <c:numRef>
              <c:f>Overall!$X$2:$X$16</c:f>
              <c:numCache>
                <c:formatCode>0%</c:formatCode>
                <c:ptCount val="15"/>
                <c:pt idx="0">
                  <c:v>0.80142784688397073</c:v>
                </c:pt>
                <c:pt idx="1">
                  <c:v>0.68781509536119367</c:v>
                </c:pt>
                <c:pt idx="2">
                  <c:v>0.71046728576866902</c:v>
                </c:pt>
                <c:pt idx="3">
                  <c:v>0.76094301024051492</c:v>
                </c:pt>
                <c:pt idx="4">
                  <c:v>0.70020239490801106</c:v>
                </c:pt>
                <c:pt idx="5">
                  <c:v>0.7419719731768063</c:v>
                </c:pt>
                <c:pt idx="6">
                  <c:v>0.80698735487097828</c:v>
                </c:pt>
                <c:pt idx="7">
                  <c:v>0.8473838661180797</c:v>
                </c:pt>
                <c:pt idx="8">
                  <c:v>0.79983777505891906</c:v>
                </c:pt>
                <c:pt idx="9">
                  <c:v>0.70873879675967366</c:v>
                </c:pt>
                <c:pt idx="10">
                  <c:v>0.79849101503851294</c:v>
                </c:pt>
                <c:pt idx="11">
                  <c:v>0.82968981446418832</c:v>
                </c:pt>
                <c:pt idx="12">
                  <c:v>0.76725777950523133</c:v>
                </c:pt>
                <c:pt idx="13">
                  <c:v>0.81779026075537542</c:v>
                </c:pt>
                <c:pt idx="14">
                  <c:v>0.83663126317595493</c:v>
                </c:pt>
              </c:numCache>
            </c:numRef>
          </c:val>
          <c:extLst>
            <c:ext xmlns:c16="http://schemas.microsoft.com/office/drawing/2014/chart" uri="{C3380CC4-5D6E-409C-BE32-E72D297353CC}">
              <c16:uniqueId val="{00000002-6FD4-4534-83B7-28FF1341EBFA}"/>
            </c:ext>
          </c:extLst>
        </c:ser>
        <c:ser>
          <c:idx val="4"/>
          <c:order val="3"/>
          <c:tx>
            <c:strRef>
              <c:f>Overall!$Y$1</c:f>
              <c:strCache>
                <c:ptCount val="1"/>
                <c:pt idx="0">
                  <c:v>Acceptability</c:v>
                </c:pt>
              </c:strCache>
            </c:strRef>
          </c:tx>
          <c:spPr>
            <a:solidFill>
              <a:schemeClr val="accent5"/>
            </a:solidFill>
            <a:ln>
              <a:noFill/>
            </a:ln>
            <a:effectLst/>
          </c:spPr>
          <c:invertIfNegative val="0"/>
          <c:dLbls>
            <c:spPr>
              <a:noFill/>
              <a:ln>
                <a:noFill/>
              </a:ln>
              <a:effectLst/>
            </c:spPr>
            <c:txPr>
              <a:bodyPr rot="0" spcFirstLastPara="1" vertOverflow="ellipsis" vert="horz" wrap="square" anchor="ctr" anchorCtr="1"/>
              <a:lstStyle/>
              <a:p>
                <a:pPr>
                  <a:defRPr sz="1600" b="0" i="0" u="none" strike="noStrike" kern="1200" baseline="0">
                    <a:solidFill>
                      <a:schemeClr val="lt1"/>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Overall!$T$2:$T$16</c:f>
              <c:strCache>
                <c:ptCount val="15"/>
                <c:pt idx="0">
                  <c:v>Chile</c:v>
                </c:pt>
                <c:pt idx="1">
                  <c:v>DRC</c:v>
                </c:pt>
                <c:pt idx="2">
                  <c:v>Zimbabwe</c:v>
                </c:pt>
                <c:pt idx="3">
                  <c:v>Tanzania</c:v>
                </c:pt>
                <c:pt idx="4">
                  <c:v>U.S.</c:v>
                </c:pt>
                <c:pt idx="5">
                  <c:v>Palestine</c:v>
                </c:pt>
                <c:pt idx="6">
                  <c:v>Honduras</c:v>
                </c:pt>
                <c:pt idx="7">
                  <c:v>Indonesia</c:v>
                </c:pt>
                <c:pt idx="8">
                  <c:v>Nigeria</c:v>
                </c:pt>
                <c:pt idx="9">
                  <c:v>South Korea</c:v>
                </c:pt>
                <c:pt idx="10">
                  <c:v>Ethiopia</c:v>
                </c:pt>
                <c:pt idx="11">
                  <c:v>Philippines</c:v>
                </c:pt>
                <c:pt idx="12">
                  <c:v>Australia</c:v>
                </c:pt>
                <c:pt idx="13">
                  <c:v>Canada</c:v>
                </c:pt>
                <c:pt idx="14">
                  <c:v>UK</c:v>
                </c:pt>
              </c:strCache>
            </c:strRef>
          </c:cat>
          <c:val>
            <c:numRef>
              <c:f>Overall!$Y$2:$Y$16</c:f>
              <c:numCache>
                <c:formatCode>0%</c:formatCode>
                <c:ptCount val="15"/>
                <c:pt idx="0">
                  <c:v>0.51762017543859662</c:v>
                </c:pt>
                <c:pt idx="1">
                  <c:v>0.7918089864344845</c:v>
                </c:pt>
                <c:pt idx="2">
                  <c:v>0.59698326921948597</c:v>
                </c:pt>
                <c:pt idx="3">
                  <c:v>0.82151533759370621</c:v>
                </c:pt>
                <c:pt idx="4">
                  <c:v>0.64052641898600027</c:v>
                </c:pt>
                <c:pt idx="5">
                  <c:v>0.61166790422934125</c:v>
                </c:pt>
                <c:pt idx="6">
                  <c:v>0.72462148737829901</c:v>
                </c:pt>
                <c:pt idx="7">
                  <c:v>0.68097614035087728</c:v>
                </c:pt>
                <c:pt idx="8">
                  <c:v>0.79779145519969019</c:v>
                </c:pt>
                <c:pt idx="9">
                  <c:v>0.7466067356916527</c:v>
                </c:pt>
                <c:pt idx="10">
                  <c:v>0.93037229141133493</c:v>
                </c:pt>
                <c:pt idx="11">
                  <c:v>0.84764282232306754</c:v>
                </c:pt>
                <c:pt idx="12">
                  <c:v>0.91929391012772899</c:v>
                </c:pt>
                <c:pt idx="13">
                  <c:v>0.81595808457750219</c:v>
                </c:pt>
                <c:pt idx="14">
                  <c:v>0.92137120280929929</c:v>
                </c:pt>
              </c:numCache>
            </c:numRef>
          </c:val>
          <c:extLst>
            <c:ext xmlns:c16="http://schemas.microsoft.com/office/drawing/2014/chart" uri="{C3380CC4-5D6E-409C-BE32-E72D297353CC}">
              <c16:uniqueId val="{00000003-6FD4-4534-83B7-28FF1341EBFA}"/>
            </c:ext>
          </c:extLst>
        </c:ser>
        <c:ser>
          <c:idx val="5"/>
          <c:order val="4"/>
          <c:tx>
            <c:strRef>
              <c:f>Overall!$Z$1</c:f>
              <c:strCache>
                <c:ptCount val="1"/>
                <c:pt idx="0">
                  <c:v>Adaptability</c:v>
                </c:pt>
              </c:strCache>
            </c:strRef>
          </c:tx>
          <c:spPr>
            <a:solidFill>
              <a:schemeClr val="accent6"/>
            </a:solidFill>
            <a:ln>
              <a:noFill/>
            </a:ln>
            <a:effectLst/>
          </c:spPr>
          <c:invertIfNegative val="0"/>
          <c:dLbls>
            <c:spPr>
              <a:noFill/>
              <a:ln>
                <a:noFill/>
              </a:ln>
              <a:effectLst/>
            </c:spPr>
            <c:txPr>
              <a:bodyPr rot="0" spcFirstLastPara="1" vertOverflow="ellipsis" vert="horz" wrap="square" anchor="ctr" anchorCtr="1"/>
              <a:lstStyle/>
              <a:p>
                <a:pPr>
                  <a:defRPr sz="1600" b="0" i="0" u="none" strike="noStrike" kern="1200" baseline="0">
                    <a:solidFill>
                      <a:schemeClr val="lt1"/>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Overall!$T$2:$T$16</c:f>
              <c:strCache>
                <c:ptCount val="15"/>
                <c:pt idx="0">
                  <c:v>Chile</c:v>
                </c:pt>
                <c:pt idx="1">
                  <c:v>DRC</c:v>
                </c:pt>
                <c:pt idx="2">
                  <c:v>Zimbabwe</c:v>
                </c:pt>
                <c:pt idx="3">
                  <c:v>Tanzania</c:v>
                </c:pt>
                <c:pt idx="4">
                  <c:v>U.S.</c:v>
                </c:pt>
                <c:pt idx="5">
                  <c:v>Palestine</c:v>
                </c:pt>
                <c:pt idx="6">
                  <c:v>Honduras</c:v>
                </c:pt>
                <c:pt idx="7">
                  <c:v>Indonesia</c:v>
                </c:pt>
                <c:pt idx="8">
                  <c:v>Nigeria</c:v>
                </c:pt>
                <c:pt idx="9">
                  <c:v>South Korea</c:v>
                </c:pt>
                <c:pt idx="10">
                  <c:v>Ethiopia</c:v>
                </c:pt>
                <c:pt idx="11">
                  <c:v>Philippines</c:v>
                </c:pt>
                <c:pt idx="12">
                  <c:v>Australia</c:v>
                </c:pt>
                <c:pt idx="13">
                  <c:v>Canada</c:v>
                </c:pt>
                <c:pt idx="14">
                  <c:v>UK</c:v>
                </c:pt>
              </c:strCache>
            </c:strRef>
          </c:cat>
          <c:val>
            <c:numRef>
              <c:f>Overall!$Z$2:$Z$16</c:f>
              <c:numCache>
                <c:formatCode>0%</c:formatCode>
                <c:ptCount val="15"/>
                <c:pt idx="0">
                  <c:v>0.63516126897601621</c:v>
                </c:pt>
                <c:pt idx="1">
                  <c:v>0.47283753794645322</c:v>
                </c:pt>
                <c:pt idx="2">
                  <c:v>0.77979294135438626</c:v>
                </c:pt>
                <c:pt idx="3">
                  <c:v>0.61817875869081496</c:v>
                </c:pt>
                <c:pt idx="4">
                  <c:v>0.77829299044112121</c:v>
                </c:pt>
                <c:pt idx="5">
                  <c:v>0.72297586296376604</c:v>
                </c:pt>
                <c:pt idx="6">
                  <c:v>0.65054828655931707</c:v>
                </c:pt>
                <c:pt idx="7">
                  <c:v>0.61138171986101153</c:v>
                </c:pt>
                <c:pt idx="8">
                  <c:v>0.71787500000000004</c:v>
                </c:pt>
                <c:pt idx="9">
                  <c:v>0.760464539586859</c:v>
                </c:pt>
                <c:pt idx="10">
                  <c:v>0.76526816780922402</c:v>
                </c:pt>
                <c:pt idx="11">
                  <c:v>0.77564465706562702</c:v>
                </c:pt>
                <c:pt idx="12">
                  <c:v>0.65687650002030551</c:v>
                </c:pt>
                <c:pt idx="13">
                  <c:v>0.84298186586802704</c:v>
                </c:pt>
                <c:pt idx="14">
                  <c:v>0.69677608673060742</c:v>
                </c:pt>
              </c:numCache>
            </c:numRef>
          </c:val>
          <c:extLst>
            <c:ext xmlns:c16="http://schemas.microsoft.com/office/drawing/2014/chart" uri="{C3380CC4-5D6E-409C-BE32-E72D297353CC}">
              <c16:uniqueId val="{00000004-6FD4-4534-83B7-28FF1341EBFA}"/>
            </c:ext>
          </c:extLst>
        </c:ser>
        <c:dLbls>
          <c:dLblPos val="ctr"/>
          <c:showLegendKey val="0"/>
          <c:showVal val="1"/>
          <c:showCatName val="0"/>
          <c:showSerName val="0"/>
          <c:showPercent val="0"/>
          <c:showBubbleSize val="0"/>
        </c:dLbls>
        <c:gapWidth val="79"/>
        <c:overlap val="100"/>
        <c:axId val="780979376"/>
        <c:axId val="780983312"/>
      </c:barChart>
      <c:catAx>
        <c:axId val="780979376"/>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600" b="0" i="0" u="none" strike="noStrike" kern="1200" cap="all" spc="120" normalizeH="0" baseline="0">
                <a:solidFill>
                  <a:schemeClr val="tx1"/>
                </a:solidFill>
                <a:latin typeface="Helvetica" panose="020B0604020202020204" pitchFamily="34" charset="0"/>
                <a:ea typeface="+mn-ea"/>
                <a:cs typeface="Helvetica" panose="020B0604020202020204" pitchFamily="34" charset="0"/>
              </a:defRPr>
            </a:pPr>
            <a:endParaRPr lang="en-US"/>
          </a:p>
        </c:txPr>
        <c:crossAx val="780983312"/>
        <c:crosses val="autoZero"/>
        <c:auto val="1"/>
        <c:lblAlgn val="ctr"/>
        <c:lblOffset val="100"/>
        <c:noMultiLvlLbl val="0"/>
      </c:catAx>
      <c:valAx>
        <c:axId val="780983312"/>
        <c:scaling>
          <c:orientation val="minMax"/>
        </c:scaling>
        <c:delete val="1"/>
        <c:axPos val="b"/>
        <c:numFmt formatCode="0%" sourceLinked="1"/>
        <c:majorTickMark val="none"/>
        <c:minorTickMark val="none"/>
        <c:tickLblPos val="nextTo"/>
        <c:crossAx val="780979376"/>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600" b="0" i="0" u="none" strike="noStrike" kern="1200" baseline="0">
              <a:solidFill>
                <a:schemeClr val="tx1"/>
              </a:solidFill>
              <a:latin typeface="Helvetica" panose="020B0604020202020204" pitchFamily="34" charset="0"/>
              <a:ea typeface="+mn-ea"/>
              <a:cs typeface="Helvetica" panose="020B0604020202020204" pitchFamily="34" charset="0"/>
            </a:defRPr>
          </a:pPr>
          <a:endParaRPr lang="en-US"/>
        </a:p>
      </c:txPr>
    </c:legend>
    <c:plotVisOnly val="1"/>
    <c:dispBlanksAs val="gap"/>
    <c:showDLblsOverMax val="0"/>
  </c:chart>
  <c:spPr>
    <a:noFill/>
    <a:ln>
      <a:noFill/>
    </a:ln>
    <a:effectLst/>
  </c:spPr>
  <c:txPr>
    <a:bodyPr/>
    <a:lstStyle/>
    <a:p>
      <a:pPr>
        <a:defRPr sz="1600">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1"/>
    </mc:Choice>
    <mc:Fallback>
      <c:style val="1"/>
    </mc:Fallback>
  </mc:AlternateContent>
  <c:chart>
    <c:title>
      <c:tx>
        <c:rich>
          <a:bodyPr rot="0" spcFirstLastPara="1" vertOverflow="ellipsis" vert="horz" wrap="square" anchor="ctr" anchorCtr="1"/>
          <a:lstStyle/>
          <a:p>
            <a:pPr>
              <a:defRPr sz="1680" b="1" i="0" u="none" strike="noStrike" kern="1200" baseline="0">
                <a:solidFill>
                  <a:schemeClr val="tx2"/>
                </a:solidFill>
                <a:latin typeface="Helvetica" panose="020B0604020202020204" pitchFamily="34" charset="0"/>
                <a:ea typeface="+mn-ea"/>
                <a:cs typeface="Helvetica" panose="020B0604020202020204" pitchFamily="34" charset="0"/>
              </a:defRPr>
            </a:pPr>
            <a:r>
              <a:rPr lang="en-US"/>
              <a:t>High and low theme scores</a:t>
            </a:r>
          </a:p>
        </c:rich>
      </c:tx>
      <c:overlay val="0"/>
      <c:spPr>
        <a:noFill/>
        <a:ln>
          <a:noFill/>
        </a:ln>
        <a:effectLst/>
      </c:spPr>
      <c:txPr>
        <a:bodyPr rot="0" spcFirstLastPara="1" vertOverflow="ellipsis" vert="horz" wrap="square" anchor="ctr" anchorCtr="1"/>
        <a:lstStyle/>
        <a:p>
          <a:pPr>
            <a:defRPr sz="1680" b="1"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title>
    <c:autoTitleDeleted val="0"/>
    <c:plotArea>
      <c:layout/>
      <c:stockChart>
        <c:ser>
          <c:idx val="0"/>
          <c:order val="0"/>
          <c:tx>
            <c:strRef>
              <c:f>Overall!$B$38</c:f>
              <c:strCache>
                <c:ptCount val="1"/>
                <c:pt idx="0">
                  <c:v>High</c:v>
                </c:pt>
              </c:strCache>
            </c:strRef>
          </c:tx>
          <c:spPr>
            <a:ln w="25400" cap="rnd">
              <a:noFill/>
              <a:round/>
            </a:ln>
            <a:effectLst/>
          </c:spPr>
          <c:marker>
            <c:symbol val="none"/>
          </c:marker>
          <c:dLbls>
            <c:dLbl>
              <c:idx val="0"/>
              <c:layout>
                <c:manualLayout>
                  <c:x val="-4.8472334948729892E-2"/>
                  <c:y val="-4.119884776484415E-2"/>
                </c:manualLayout>
              </c:layout>
              <c:tx>
                <c:rich>
                  <a:bodyPr/>
                  <a:lstStyle/>
                  <a:p>
                    <a:fld id="{E1C21B7E-3026-48C5-BBD1-349658F17B1A}" type="CELLRANGE">
                      <a:rPr lang="en-US" baseline="0"/>
                      <a:pPr/>
                      <a:t>[CELLRANGE]</a:t>
                    </a:fld>
                    <a:r>
                      <a:rPr lang="en-US" baseline="0"/>
                      <a:t>, </a:t>
                    </a:r>
                    <a:fld id="{EB9B93B4-41E3-4919-B89D-BC84544C7386}"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01FE-4A8B-9279-90177A43ADC6}"/>
                </c:ext>
              </c:extLst>
            </c:dLbl>
            <c:dLbl>
              <c:idx val="1"/>
              <c:layout>
                <c:manualLayout>
                  <c:x val="-3.2234432234432245E-2"/>
                  <c:y val="-3.2786885245901641E-2"/>
                </c:manualLayout>
              </c:layout>
              <c:tx>
                <c:rich>
                  <a:bodyPr/>
                  <a:lstStyle/>
                  <a:p>
                    <a:fld id="{39F84AFA-1622-40BE-A516-D3649CCBA09A}" type="CELLRANGE">
                      <a:rPr lang="en-US" baseline="0"/>
                      <a:pPr/>
                      <a:t>[CELLRANGE]</a:t>
                    </a:fld>
                    <a:r>
                      <a:rPr lang="en-US" baseline="0"/>
                      <a:t>, </a:t>
                    </a:r>
                    <a:fld id="{5E130912-1D01-417A-960C-F314EC9DB1F2}"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1-01FE-4A8B-9279-90177A43ADC6}"/>
                </c:ext>
              </c:extLst>
            </c:dLbl>
            <c:dLbl>
              <c:idx val="2"/>
              <c:layout>
                <c:manualLayout>
                  <c:x val="-3.6520143014742421E-2"/>
                  <c:y val="-4.9113478515491457E-2"/>
                </c:manualLayout>
              </c:layout>
              <c:tx>
                <c:rich>
                  <a:bodyPr/>
                  <a:lstStyle/>
                  <a:p>
                    <a:fld id="{697E4E0B-FFB2-4328-B7EC-45C6DA89D272}" type="CELLRANGE">
                      <a:rPr lang="en-US" baseline="0"/>
                      <a:pPr/>
                      <a:t>[CELLRANGE]</a:t>
                    </a:fld>
                    <a:r>
                      <a:rPr lang="en-US" baseline="0"/>
                      <a:t>, </a:t>
                    </a:r>
                    <a:fld id="{D3D3752E-D842-47A8-B9B7-4205E3304C73}"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2-01FE-4A8B-9279-90177A43ADC6}"/>
                </c:ext>
              </c:extLst>
            </c:dLbl>
            <c:dLbl>
              <c:idx val="3"/>
              <c:layout>
                <c:manualLayout>
                  <c:x val="-1.7582417582417582E-2"/>
                  <c:y val="-2.1857923497267784E-2"/>
                </c:manualLayout>
              </c:layout>
              <c:tx>
                <c:rich>
                  <a:bodyPr/>
                  <a:lstStyle/>
                  <a:p>
                    <a:fld id="{D554B90D-5619-4098-A2E6-25EB754697CD}" type="CELLRANGE">
                      <a:rPr lang="en-US" baseline="0"/>
                      <a:pPr/>
                      <a:t>[CELLRANGE]</a:t>
                    </a:fld>
                    <a:r>
                      <a:rPr lang="en-US" baseline="0"/>
                      <a:t>, </a:t>
                    </a:r>
                    <a:fld id="{6EFCAB2C-8C41-47AD-A065-13D5EABE774F}"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3-01FE-4A8B-9279-90177A43ADC6}"/>
                </c:ext>
              </c:extLst>
            </c:dLbl>
            <c:dLbl>
              <c:idx val="4"/>
              <c:layout>
                <c:manualLayout>
                  <c:x val="-5.0590399388518212E-2"/>
                  <c:y val="-5.0472220212868235E-2"/>
                </c:manualLayout>
              </c:layout>
              <c:tx>
                <c:rich>
                  <a:bodyPr/>
                  <a:lstStyle/>
                  <a:p>
                    <a:fld id="{DD92DBA5-C43B-45D9-970A-5A4296F1772C}" type="CELLRANGE">
                      <a:rPr lang="en-US" baseline="0" dirty="0"/>
                      <a:pPr/>
                      <a:t>[CELLRANGE]</a:t>
                    </a:fld>
                    <a:r>
                      <a:rPr lang="en-US" baseline="0" dirty="0"/>
                      <a:t>, </a:t>
                    </a:r>
                    <a:fld id="{58F57C86-0FC8-4A5D-BF1F-34FB355E349E}"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01FE-4A8B-9279-90177A43ADC6}"/>
                </c:ext>
              </c:extLst>
            </c:dLbl>
            <c:dLbl>
              <c:idx val="5"/>
              <c:layout>
                <c:manualLayout>
                  <c:x val="-3.5216428608457015E-2"/>
                  <c:y val="-6.6353405623835043E-2"/>
                </c:manualLayout>
              </c:layout>
              <c:tx>
                <c:rich>
                  <a:bodyPr/>
                  <a:lstStyle/>
                  <a:p>
                    <a:fld id="{1B9F024A-C04B-4084-B8E9-636C18265310}" type="CELLRANGE">
                      <a:rPr lang="en-US" baseline="0" dirty="0"/>
                      <a:pPr/>
                      <a:t>[CELLRANGE]</a:t>
                    </a:fld>
                    <a:r>
                      <a:rPr lang="en-US" baseline="0" dirty="0"/>
                      <a:t>, </a:t>
                    </a:r>
                    <a:fld id="{561F7C0E-74AA-40A5-B83E-A19C1959F7C8}"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5-01FE-4A8B-9279-90177A43ADC6}"/>
                </c:ext>
              </c:extLst>
            </c:dLbl>
            <c:dLbl>
              <c:idx val="6"/>
              <c:layout>
                <c:manualLayout>
                  <c:x val="-4.8653379592110982E-2"/>
                  <c:y val="-3.5370686178429998E-2"/>
                </c:manualLayout>
              </c:layout>
              <c:tx>
                <c:rich>
                  <a:bodyPr/>
                  <a:lstStyle/>
                  <a:p>
                    <a:fld id="{DAB4FB79-57B0-453D-B0D3-5C4B1B57790F}" type="CELLRANGE">
                      <a:rPr lang="en-US" baseline="0"/>
                      <a:pPr/>
                      <a:t>[CELLRANGE]</a:t>
                    </a:fld>
                    <a:r>
                      <a:rPr lang="en-US" baseline="0"/>
                      <a:t>, </a:t>
                    </a:r>
                    <a:fld id="{2AF191A4-D4D8-4D09-8C06-115607B177B7}"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6-01FE-4A8B-9279-90177A43ADC6}"/>
                </c:ext>
              </c:extLst>
            </c:dLbl>
            <c:dLbl>
              <c:idx val="7"/>
              <c:layout>
                <c:manualLayout>
                  <c:x val="-4.3374314273677224E-2"/>
                  <c:y val="-4.8318963424362024E-2"/>
                </c:manualLayout>
              </c:layout>
              <c:tx>
                <c:rich>
                  <a:bodyPr/>
                  <a:lstStyle/>
                  <a:p>
                    <a:fld id="{BB5D8835-D2F6-41E5-B82F-E08A226E8B18}" type="CELLRANGE">
                      <a:rPr lang="en-US" baseline="0"/>
                      <a:pPr/>
                      <a:t>[CELLRANGE]</a:t>
                    </a:fld>
                    <a:r>
                      <a:rPr lang="en-US" baseline="0"/>
                      <a:t>, </a:t>
                    </a:r>
                    <a:fld id="{C4C67721-3FF8-4543-A9F0-7AED6C065180}"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7-01FE-4A8B-9279-90177A43ADC6}"/>
                </c:ext>
              </c:extLst>
            </c:dLbl>
            <c:dLbl>
              <c:idx val="8"/>
              <c:layout>
                <c:manualLayout>
                  <c:x val="-3.5164835164835165E-2"/>
                  <c:y val="-8.7431693989071066E-2"/>
                </c:manualLayout>
              </c:layout>
              <c:tx>
                <c:rich>
                  <a:bodyPr/>
                  <a:lstStyle/>
                  <a:p>
                    <a:fld id="{A70E382C-A1F4-4D8B-9CFE-10FB98A9513A}" type="CELLRANGE">
                      <a:rPr lang="en-US" baseline="0"/>
                      <a:pPr/>
                      <a:t>[CELLRANGE]</a:t>
                    </a:fld>
                    <a:r>
                      <a:rPr lang="en-US" baseline="0"/>
                      <a:t>, </a:t>
                    </a:r>
                    <a:fld id="{57463C3A-38D8-43F1-9254-0F8BCAB79813}"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01FE-4A8B-9279-90177A43ADC6}"/>
                </c:ext>
              </c:extLst>
            </c:dLbl>
            <c:dLbl>
              <c:idx val="9"/>
              <c:layout>
                <c:manualLayout>
                  <c:x val="-3.5164835164835269E-2"/>
                  <c:y val="-6.0109289617486364E-2"/>
                </c:manualLayout>
              </c:layout>
              <c:tx>
                <c:rich>
                  <a:bodyPr/>
                  <a:lstStyle/>
                  <a:p>
                    <a:fld id="{5501BAAC-9A9A-4DAF-8AF2-FD611CE5DA56}" type="CELLRANGE">
                      <a:rPr lang="en-US" baseline="0"/>
                      <a:pPr/>
                      <a:t>[CELLRANGE]</a:t>
                    </a:fld>
                    <a:r>
                      <a:rPr lang="en-US" baseline="0"/>
                      <a:t>, </a:t>
                    </a:r>
                    <a:fld id="{72905CA4-C2CB-4030-ADA8-495700FED566}"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9-01FE-4A8B-9279-90177A43ADC6}"/>
                </c:ext>
              </c:extLst>
            </c:dLbl>
            <c:dLbl>
              <c:idx val="10"/>
              <c:layout>
                <c:manualLayout>
                  <c:x val="-4.5190725356591722E-2"/>
                  <c:y val="-7.4349489530494889E-2"/>
                </c:manualLayout>
              </c:layout>
              <c:tx>
                <c:rich>
                  <a:bodyPr/>
                  <a:lstStyle/>
                  <a:p>
                    <a:fld id="{7B2343B8-013E-41D9-858A-90EAAFB3E873}" type="CELLRANGE">
                      <a:rPr lang="en-US" baseline="0"/>
                      <a:pPr/>
                      <a:t>[CELLRANGE]</a:t>
                    </a:fld>
                    <a:r>
                      <a:rPr lang="en-US" baseline="0"/>
                      <a:t>, </a:t>
                    </a:r>
                    <a:fld id="{3F3D2057-0530-4764-BE6F-B5AFB358BF30}"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A-01FE-4A8B-9279-90177A43ADC6}"/>
                </c:ext>
              </c:extLst>
            </c:dLbl>
            <c:dLbl>
              <c:idx val="11"/>
              <c:layout>
                <c:manualLayout>
                  <c:x val="-3.3699633699633698E-2"/>
                  <c:y val="-6.5573770491803324E-2"/>
                </c:manualLayout>
              </c:layout>
              <c:tx>
                <c:rich>
                  <a:bodyPr/>
                  <a:lstStyle/>
                  <a:p>
                    <a:fld id="{261491B6-5D00-4915-913C-B56152BCAA70}" type="CELLRANGE">
                      <a:rPr lang="en-US" baseline="0"/>
                      <a:pPr/>
                      <a:t>[CELLRANGE]</a:t>
                    </a:fld>
                    <a:r>
                      <a:rPr lang="en-US" baseline="0"/>
                      <a:t>, </a:t>
                    </a:r>
                    <a:fld id="{8350757F-B2EF-45CA-816C-8FF142E96985}"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B-01FE-4A8B-9279-90177A43ADC6}"/>
                </c:ext>
              </c:extLst>
            </c:dLbl>
            <c:dLbl>
              <c:idx val="12"/>
              <c:layout>
                <c:manualLayout>
                  <c:x val="-4.2671889126295569E-2"/>
                  <c:y val="-6.0176244018593519E-2"/>
                </c:manualLayout>
              </c:layout>
              <c:tx>
                <c:rich>
                  <a:bodyPr/>
                  <a:lstStyle/>
                  <a:p>
                    <a:fld id="{FC446786-0CF3-4150-B88B-97F27AC1282D}" type="CELLRANGE">
                      <a:rPr lang="en-US" baseline="0"/>
                      <a:pPr/>
                      <a:t>[CELLRANGE]</a:t>
                    </a:fld>
                    <a:r>
                      <a:rPr lang="en-US" baseline="0"/>
                      <a:t>, </a:t>
                    </a:r>
                    <a:fld id="{DC42DA9D-E603-4150-8614-F5381DF7517B}"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01FE-4A8B-9279-90177A43ADC6}"/>
                </c:ext>
              </c:extLst>
            </c:dLbl>
            <c:dLbl>
              <c:idx val="13"/>
              <c:layout>
                <c:manualLayout>
                  <c:x val="-3.6630050446019795E-2"/>
                  <c:y val="-4.2424014213674817E-2"/>
                </c:manualLayout>
              </c:layout>
              <c:tx>
                <c:rich>
                  <a:bodyPr/>
                  <a:lstStyle/>
                  <a:p>
                    <a:fld id="{152CCC19-A77B-495E-B01A-45F0488B5DE2}" type="CELLRANGE">
                      <a:rPr lang="en-US" baseline="0"/>
                      <a:pPr/>
                      <a:t>[CELLRANGE]</a:t>
                    </a:fld>
                    <a:r>
                      <a:rPr lang="en-US" baseline="0"/>
                      <a:t>, </a:t>
                    </a:r>
                    <a:fld id="{9F506246-69C2-438A-9CF8-79B5E42268E6}"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D-01FE-4A8B-9279-90177A43ADC6}"/>
                </c:ext>
              </c:extLst>
            </c:dLbl>
            <c:dLbl>
              <c:idx val="14"/>
              <c:layout>
                <c:manualLayout>
                  <c:x val="-4.4559437421313776E-3"/>
                  <c:y val="-1.1129553127375097E-2"/>
                </c:manualLayout>
              </c:layout>
              <c:tx>
                <c:rich>
                  <a:bodyPr/>
                  <a:lstStyle/>
                  <a:p>
                    <a:fld id="{2FA96E5F-C5F0-4825-BCEB-AD8A4313E44A}" type="CELLRANGE">
                      <a:rPr lang="en-US" baseline="0"/>
                      <a:pPr/>
                      <a:t>[CELLRANGE]</a:t>
                    </a:fld>
                    <a:r>
                      <a:rPr lang="en-US" baseline="0"/>
                      <a:t>, </a:t>
                    </a:r>
                    <a:fld id="{D2910D10-F104-4065-AC81-DE3E4F0B51CF}"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E-01FE-4A8B-9279-90177A43ADC6}"/>
                </c:ext>
              </c:extLst>
            </c:dLbl>
            <c:spPr>
              <a:noFill/>
              <a:ln>
                <a:noFill/>
              </a:ln>
              <a:effectLst/>
            </c:spPr>
            <c:txPr>
              <a:bodyPr rot="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a:solidFill>
                        <a:schemeClr val="tx2">
                          <a:lumMod val="35000"/>
                          <a:lumOff val="65000"/>
                        </a:schemeClr>
                      </a:solidFill>
                    </a:ln>
                    <a:effectLst/>
                  </c:spPr>
                </c15:leaderLines>
              </c:ext>
            </c:extLst>
          </c:dLbls>
          <c:cat>
            <c:strRef>
              <c:f>Overall!$A$39:$A$53</c:f>
              <c:strCache>
                <c:ptCount val="15"/>
                <c:pt idx="0">
                  <c:v>UK</c:v>
                </c:pt>
                <c:pt idx="1">
                  <c:v>Canada</c:v>
                </c:pt>
                <c:pt idx="2">
                  <c:v>Australia</c:v>
                </c:pt>
                <c:pt idx="3">
                  <c:v>Philippines</c:v>
                </c:pt>
                <c:pt idx="4">
                  <c:v>Ethiopia</c:v>
                </c:pt>
                <c:pt idx="5">
                  <c:v>South Korea</c:v>
                </c:pt>
                <c:pt idx="6">
                  <c:v>Nigeria</c:v>
                </c:pt>
                <c:pt idx="7">
                  <c:v>Indonesia</c:v>
                </c:pt>
                <c:pt idx="8">
                  <c:v>Honduras</c:v>
                </c:pt>
                <c:pt idx="9">
                  <c:v>Palestine</c:v>
                </c:pt>
                <c:pt idx="10">
                  <c:v>US</c:v>
                </c:pt>
                <c:pt idx="11">
                  <c:v>Tanzania</c:v>
                </c:pt>
                <c:pt idx="12">
                  <c:v>Zimbabwe</c:v>
                </c:pt>
                <c:pt idx="13">
                  <c:v>DRC</c:v>
                </c:pt>
                <c:pt idx="14">
                  <c:v>Chile</c:v>
                </c:pt>
              </c:strCache>
            </c:strRef>
          </c:cat>
          <c:val>
            <c:numRef>
              <c:f>Overall!$B$39:$B$53</c:f>
              <c:numCache>
                <c:formatCode>0%</c:formatCode>
                <c:ptCount val="15"/>
                <c:pt idx="0">
                  <c:v>0.99332684632663737</c:v>
                </c:pt>
                <c:pt idx="1">
                  <c:v>0.97</c:v>
                </c:pt>
                <c:pt idx="2">
                  <c:v>1</c:v>
                </c:pt>
                <c:pt idx="3">
                  <c:v>0.91</c:v>
                </c:pt>
                <c:pt idx="4">
                  <c:v>0.92833333333333334</c:v>
                </c:pt>
                <c:pt idx="5">
                  <c:v>0.94759080682396712</c:v>
                </c:pt>
                <c:pt idx="6">
                  <c:v>0.94</c:v>
                </c:pt>
                <c:pt idx="7">
                  <c:v>0.87</c:v>
                </c:pt>
                <c:pt idx="8">
                  <c:v>0.90650461425083906</c:v>
                </c:pt>
                <c:pt idx="9">
                  <c:v>0.86572984019219146</c:v>
                </c:pt>
                <c:pt idx="10">
                  <c:v>0.97356333298908382</c:v>
                </c:pt>
                <c:pt idx="11">
                  <c:v>0.85010803429663762</c:v>
                </c:pt>
                <c:pt idx="12">
                  <c:v>0.82626156270526219</c:v>
                </c:pt>
                <c:pt idx="13">
                  <c:v>0.81878173917399866</c:v>
                </c:pt>
                <c:pt idx="14">
                  <c:v>0.8</c:v>
                </c:pt>
              </c:numCache>
            </c:numRef>
          </c:val>
          <c:smooth val="0"/>
          <c:extLst>
            <c:ext xmlns:c15="http://schemas.microsoft.com/office/drawing/2012/chart" uri="{02D57815-91ED-43cb-92C2-25804820EDAC}">
              <c15:datalabelsRange>
                <c15:f>Overall!$F$39:$F$53</c15:f>
                <c15:dlblRangeCache>
                  <c:ptCount val="15"/>
                  <c:pt idx="0">
                    <c:v>Avail</c:v>
                  </c:pt>
                  <c:pt idx="1">
                    <c:v>Avail</c:v>
                  </c:pt>
                  <c:pt idx="2">
                    <c:v>Avail</c:v>
                  </c:pt>
                  <c:pt idx="3">
                    <c:v>Gov</c:v>
                  </c:pt>
                  <c:pt idx="4">
                    <c:v>Accept</c:v>
                  </c:pt>
                  <c:pt idx="5">
                    <c:v>Avail</c:v>
                  </c:pt>
                  <c:pt idx="6">
                    <c:v>Gov</c:v>
                  </c:pt>
                  <c:pt idx="7">
                    <c:v>Avail</c:v>
                  </c:pt>
                  <c:pt idx="8">
                    <c:v>Gov</c:v>
                  </c:pt>
                  <c:pt idx="9">
                    <c:v>Gov</c:v>
                  </c:pt>
                  <c:pt idx="10">
                    <c:v>Avail</c:v>
                  </c:pt>
                  <c:pt idx="11">
                    <c:v>Gov</c:v>
                  </c:pt>
                  <c:pt idx="12">
                    <c:v>Avail</c:v>
                  </c:pt>
                  <c:pt idx="13">
                    <c:v>Avail</c:v>
                  </c:pt>
                  <c:pt idx="14">
                    <c:v>Access</c:v>
                  </c:pt>
                </c15:dlblRangeCache>
              </c15:datalabelsRange>
            </c:ext>
            <c:ext xmlns:c16="http://schemas.microsoft.com/office/drawing/2014/chart" uri="{C3380CC4-5D6E-409C-BE32-E72D297353CC}">
              <c16:uniqueId val="{0000000F-01FE-4A8B-9279-90177A43ADC6}"/>
            </c:ext>
          </c:extLst>
        </c:ser>
        <c:ser>
          <c:idx val="1"/>
          <c:order val="1"/>
          <c:tx>
            <c:strRef>
              <c:f>Overall!$C$38</c:f>
              <c:strCache>
                <c:ptCount val="1"/>
                <c:pt idx="0">
                  <c:v>Low</c:v>
                </c:pt>
              </c:strCache>
            </c:strRef>
          </c:tx>
          <c:spPr>
            <a:ln w="25400" cap="rnd">
              <a:noFill/>
              <a:round/>
            </a:ln>
            <a:effectLst/>
          </c:spPr>
          <c:marker>
            <c:symbol val="none"/>
          </c:marker>
          <c:dLbls>
            <c:dLbl>
              <c:idx val="0"/>
              <c:layout>
                <c:manualLayout>
                  <c:x val="-4.4307255565828992E-2"/>
                  <c:y val="4.5869026892423274E-2"/>
                </c:manualLayout>
              </c:layout>
              <c:tx>
                <c:rich>
                  <a:bodyPr/>
                  <a:lstStyle/>
                  <a:p>
                    <a:fld id="{1458F9BA-B5E9-4430-A612-E42C6D940914}" type="CELLRANGE">
                      <a:rPr lang="en-US" baseline="0"/>
                      <a:pPr/>
                      <a:t>[CELLRANGE]</a:t>
                    </a:fld>
                    <a:r>
                      <a:rPr lang="en-US" baseline="0"/>
                      <a:t>, </a:t>
                    </a:r>
                    <a:fld id="{5F6C76C9-08E7-4286-8DEA-6AEFDA2F1090}"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0-01FE-4A8B-9279-90177A43ADC6}"/>
                </c:ext>
              </c:extLst>
            </c:dLbl>
            <c:dLbl>
              <c:idx val="1"/>
              <c:layout>
                <c:manualLayout>
                  <c:x val="-6.1598773317282578E-2"/>
                  <c:y val="2.3546997579196302E-2"/>
                </c:manualLayout>
              </c:layout>
              <c:tx>
                <c:rich>
                  <a:bodyPr/>
                  <a:lstStyle/>
                  <a:p>
                    <a:fld id="{E7C79A67-1B48-446E-9E3C-33131B7F4891}" type="CELLRANGE">
                      <a:rPr lang="en-US" baseline="0" dirty="0"/>
                      <a:pPr/>
                      <a:t>[CELLRANGE]</a:t>
                    </a:fld>
                    <a:r>
                      <a:rPr lang="en-US" baseline="0" dirty="0"/>
                      <a:t>, </a:t>
                    </a:r>
                    <a:fld id="{82E4A962-0A57-4EFB-B1E5-37038B89A332}"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layout>
                    <c:manualLayout>
                      <c:w val="0.11542569656794968"/>
                      <c:h val="0.13113165386570533"/>
                    </c:manualLayout>
                  </c15:layout>
                  <c15:dlblFieldTable/>
                  <c15:showDataLabelsRange val="1"/>
                </c:ext>
                <c:ext xmlns:c16="http://schemas.microsoft.com/office/drawing/2014/chart" uri="{C3380CC4-5D6E-409C-BE32-E72D297353CC}">
                  <c16:uniqueId val="{00000011-01FE-4A8B-9279-90177A43ADC6}"/>
                </c:ext>
              </c:extLst>
            </c:dLbl>
            <c:dLbl>
              <c:idx val="2"/>
              <c:layout>
                <c:manualLayout>
                  <c:x val="-3.7041611234170983E-2"/>
                  <c:y val="3.0700507050850749E-2"/>
                </c:manualLayout>
              </c:layout>
              <c:tx>
                <c:rich>
                  <a:bodyPr/>
                  <a:lstStyle/>
                  <a:p>
                    <a:fld id="{76E38AC9-4A60-4BA2-92D9-D808B5AAD0F2}" type="CELLRANGE">
                      <a:rPr lang="en-US" baseline="0"/>
                      <a:pPr/>
                      <a:t>[CELLRANGE]</a:t>
                    </a:fld>
                    <a:r>
                      <a:rPr lang="en-US" baseline="0"/>
                      <a:t>, </a:t>
                    </a:r>
                    <a:fld id="{D9463CC9-1B93-40AD-9B1B-0848C3934758}"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2-01FE-4A8B-9279-90177A43ADC6}"/>
                </c:ext>
              </c:extLst>
            </c:dLbl>
            <c:dLbl>
              <c:idx val="3"/>
              <c:layout>
                <c:manualLayout>
                  <c:x val="-2.7838827838827841E-2"/>
                  <c:y val="2.7322404371584699E-2"/>
                </c:manualLayout>
              </c:layout>
              <c:tx>
                <c:rich>
                  <a:bodyPr/>
                  <a:lstStyle/>
                  <a:p>
                    <a:fld id="{E6007654-C3A9-4958-A243-0C71FD185C09}" type="CELLRANGE">
                      <a:rPr lang="en-US" baseline="0"/>
                      <a:pPr/>
                      <a:t>[CELLRANGE]</a:t>
                    </a:fld>
                    <a:r>
                      <a:rPr lang="en-US" baseline="0"/>
                      <a:t>, </a:t>
                    </a:r>
                    <a:fld id="{A209AA78-EBF2-4410-9066-E549E9DF543B}"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3-01FE-4A8B-9279-90177A43ADC6}"/>
                </c:ext>
              </c:extLst>
            </c:dLbl>
            <c:dLbl>
              <c:idx val="4"/>
              <c:layout>
                <c:manualLayout>
                  <c:x val="-3.8918370531545801E-2"/>
                  <c:y val="6.5076315265332071E-2"/>
                </c:manualLayout>
              </c:layout>
              <c:tx>
                <c:rich>
                  <a:bodyPr/>
                  <a:lstStyle/>
                  <a:p>
                    <a:fld id="{A677E4BC-33C9-40C0-BC02-72072AE70150}" type="CELLRANGE">
                      <a:rPr lang="en-US" baseline="0"/>
                      <a:pPr/>
                      <a:t>[CELLRANGE]</a:t>
                    </a:fld>
                    <a:r>
                      <a:rPr lang="en-US" baseline="0"/>
                      <a:t>, </a:t>
                    </a:r>
                    <a:fld id="{23CD9F80-9572-44E8-BA13-A8F092D3EF02}"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4-01FE-4A8B-9279-90177A43ADC6}"/>
                </c:ext>
              </c:extLst>
            </c:dLbl>
            <c:dLbl>
              <c:idx val="5"/>
              <c:layout>
                <c:manualLayout>
                  <c:x val="-4.6425407721045329E-2"/>
                  <c:y val="3.7390169535528643E-2"/>
                </c:manualLayout>
              </c:layout>
              <c:tx>
                <c:rich>
                  <a:bodyPr/>
                  <a:lstStyle/>
                  <a:p>
                    <a:fld id="{732FAE22-B54F-4FFE-B3E8-E7A32EE98D7A}" type="CELLRANGE">
                      <a:rPr lang="en-US" baseline="0"/>
                      <a:pPr/>
                      <a:t>[CELLRANGE]</a:t>
                    </a:fld>
                    <a:r>
                      <a:rPr lang="en-US" baseline="0"/>
                      <a:t>, </a:t>
                    </a:r>
                    <a:fld id="{B4B99E9A-6CD3-43EE-850D-C861F081B0A7}"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5-01FE-4A8B-9279-90177A43ADC6}"/>
                </c:ext>
              </c:extLst>
            </c:dLbl>
            <c:dLbl>
              <c:idx val="6"/>
              <c:layout>
                <c:manualLayout>
                  <c:x val="-4.2490842490842493E-2"/>
                  <c:y val="6.0109289617486336E-2"/>
                </c:manualLayout>
              </c:layout>
              <c:tx>
                <c:rich>
                  <a:bodyPr/>
                  <a:lstStyle/>
                  <a:p>
                    <a:fld id="{9D885041-5793-402F-8FCA-86F685348919}" type="CELLRANGE">
                      <a:rPr lang="en-US" baseline="0"/>
                      <a:pPr/>
                      <a:t>[CELLRANGE]</a:t>
                    </a:fld>
                    <a:r>
                      <a:rPr lang="en-US" baseline="0"/>
                      <a:t>, </a:t>
                    </a:r>
                    <a:fld id="{D2238E31-2702-434F-B3C0-CA16A94241AB}"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6-01FE-4A8B-9279-90177A43ADC6}"/>
                </c:ext>
              </c:extLst>
            </c:dLbl>
            <c:dLbl>
              <c:idx val="7"/>
              <c:layout>
                <c:manualLayout>
                  <c:x val="-2.6252964452533448E-2"/>
                  <c:y val="9.0809963445171227E-2"/>
                </c:manualLayout>
              </c:layout>
              <c:tx>
                <c:rich>
                  <a:bodyPr/>
                  <a:lstStyle/>
                  <a:p>
                    <a:fld id="{01AABF99-940D-41AA-9973-94DF4A543DA5}" type="CELLRANGE">
                      <a:rPr lang="en-US" baseline="0" dirty="0"/>
                      <a:pPr/>
                      <a:t>[CELLRANGE]</a:t>
                    </a:fld>
                    <a:r>
                      <a:rPr lang="en-US" baseline="0" dirty="0"/>
                      <a:t>, </a:t>
                    </a:r>
                    <a:fld id="{B56FE370-7BB8-4CC1-B51E-E449CA85E78D}"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7-01FE-4A8B-9279-90177A43ADC6}"/>
                </c:ext>
              </c:extLst>
            </c:dLbl>
            <c:dLbl>
              <c:idx val="8"/>
              <c:layout>
                <c:manualLayout>
                  <c:x val="-3.8155597169703827E-2"/>
                  <c:y val="1.5598973016412514E-2"/>
                </c:manualLayout>
              </c:layout>
              <c:tx>
                <c:rich>
                  <a:bodyPr/>
                  <a:lstStyle/>
                  <a:p>
                    <a:fld id="{CEDBC5D8-E003-4780-AA36-70D4EADCAA30}" type="CELLRANGE">
                      <a:rPr lang="en-US" baseline="0"/>
                      <a:pPr/>
                      <a:t>[CELLRANGE]</a:t>
                    </a:fld>
                    <a:r>
                      <a:rPr lang="en-US" baseline="0"/>
                      <a:t>, </a:t>
                    </a:r>
                    <a:fld id="{A85A960A-1390-457F-B14C-D47A2BD04E5B}"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8-01FE-4A8B-9279-90177A43ADC6}"/>
                </c:ext>
              </c:extLst>
            </c:dLbl>
            <c:dLbl>
              <c:idx val="9"/>
              <c:layout>
                <c:manualLayout>
                  <c:x val="-5.1051519393486414E-2"/>
                  <c:y val="7.7000185300975271E-2"/>
                </c:manualLayout>
              </c:layout>
              <c:tx>
                <c:rich>
                  <a:bodyPr/>
                  <a:lstStyle/>
                  <a:p>
                    <a:fld id="{D5EC9F36-FC6B-41F6-AC20-C886F138534C}" type="CELLRANGE">
                      <a:rPr lang="en-US" baseline="0" dirty="0"/>
                      <a:pPr/>
                      <a:t>[CELLRANGE]</a:t>
                    </a:fld>
                    <a:r>
                      <a:rPr lang="en-US" baseline="0" dirty="0"/>
                      <a:t>, </a:t>
                    </a:r>
                    <a:fld id="{AE37486D-7AA6-461D-A808-F9DF1EBD2020}"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9-01FE-4A8B-9279-90177A43ADC6}"/>
                </c:ext>
              </c:extLst>
            </c:dLbl>
            <c:dLbl>
              <c:idx val="10"/>
              <c:layout>
                <c:manualLayout>
                  <c:x val="-4.5130377142131362E-2"/>
                  <c:y val="1.3512702035040711E-2"/>
                </c:manualLayout>
              </c:layout>
              <c:tx>
                <c:rich>
                  <a:bodyPr/>
                  <a:lstStyle/>
                  <a:p>
                    <a:fld id="{CA292069-CD1A-4915-931B-BCF76E2E3113}" type="CELLRANGE">
                      <a:rPr lang="en-US" baseline="0"/>
                      <a:pPr/>
                      <a:t>[CELLRANGE]</a:t>
                    </a:fld>
                    <a:r>
                      <a:rPr lang="en-US" baseline="0"/>
                      <a:t>, </a:t>
                    </a:r>
                    <a:fld id="{83551CE7-9D53-44EF-80F4-15D66B18C947}"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A-01FE-4A8B-9279-90177A43ADC6}"/>
                </c:ext>
              </c:extLst>
            </c:dLbl>
            <c:dLbl>
              <c:idx val="11"/>
              <c:layout>
                <c:manualLayout>
                  <c:x val="-4.9646669098723104E-2"/>
                  <c:y val="4.593601269955766E-2"/>
                </c:manualLayout>
              </c:layout>
              <c:tx>
                <c:rich>
                  <a:bodyPr/>
                  <a:lstStyle/>
                  <a:p>
                    <a:fld id="{4C36B2D3-A7CD-4DE8-98BE-87A633E993D8}" type="CELLRANGE">
                      <a:rPr lang="en-US" baseline="0"/>
                      <a:pPr/>
                      <a:t>[CELLRANGE]</a:t>
                    </a:fld>
                    <a:r>
                      <a:rPr lang="en-US" baseline="0"/>
                      <a:t>, </a:t>
                    </a:r>
                    <a:fld id="{C41D8EC6-2851-4A60-B200-43D1F343A020}"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B-01FE-4A8B-9279-90177A43ADC6}"/>
                </c:ext>
              </c:extLst>
            </c:dLbl>
            <c:dLbl>
              <c:idx val="12"/>
              <c:layout>
                <c:manualLayout>
                  <c:x val="-3.7453172022322338E-2"/>
                  <c:y val="7.5144004621624239E-2"/>
                </c:manualLayout>
              </c:layout>
              <c:tx>
                <c:rich>
                  <a:bodyPr/>
                  <a:lstStyle/>
                  <a:p>
                    <a:fld id="{4A82E108-4C68-43FE-9C84-D876CEC52CEA}" type="CELLRANGE">
                      <a:rPr lang="en-US" baseline="0"/>
                      <a:pPr/>
                      <a:t>[CELLRANGE]</a:t>
                    </a:fld>
                    <a:r>
                      <a:rPr lang="en-US" baseline="0"/>
                      <a:t>, </a:t>
                    </a:r>
                    <a:fld id="{31DCE4C1-F2A0-4519-BCF5-A59FE7078C70}"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C-01FE-4A8B-9279-90177A43ADC6}"/>
                </c:ext>
              </c:extLst>
            </c:dLbl>
            <c:dLbl>
              <c:idx val="13"/>
              <c:layout>
                <c:manualLayout>
                  <c:x val="-4.360483041844733E-2"/>
                  <c:y val="6.7564501089509357E-3"/>
                </c:manualLayout>
              </c:layout>
              <c:tx>
                <c:rich>
                  <a:bodyPr/>
                  <a:lstStyle/>
                  <a:p>
                    <a:fld id="{E149F942-50A1-4D4B-B630-37B7AE47E1A1}" type="CELLRANGE">
                      <a:rPr lang="en-US" baseline="0" dirty="0"/>
                      <a:pPr/>
                      <a:t>[CELLRANGE]</a:t>
                    </a:fld>
                    <a:r>
                      <a:rPr lang="en-US" baseline="0" dirty="0"/>
                      <a:t>, </a:t>
                    </a:r>
                    <a:fld id="{B2A63900-9460-4ED9-BAB0-E940504D143B}" type="VALUE">
                      <a:rPr lang="en-US" baseline="0" dirty="0"/>
                      <a:pPr/>
                      <a:t>[VALUE]</a:t>
                    </a:fld>
                    <a:endParaRPr lang="en-US" baseline="0" dirty="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D-01FE-4A8B-9279-90177A43ADC6}"/>
                </c:ext>
              </c:extLst>
            </c:dLbl>
            <c:dLbl>
              <c:idx val="14"/>
              <c:layout>
                <c:manualLayout>
                  <c:x val="-3.3419578065985336E-3"/>
                  <c:y val="1.7618456373511181E-2"/>
                </c:manualLayout>
              </c:layout>
              <c:tx>
                <c:rich>
                  <a:bodyPr/>
                  <a:lstStyle/>
                  <a:p>
                    <a:fld id="{F6C0AD73-A4EB-4F01-8C88-D04E977CC150}" type="CELLRANGE">
                      <a:rPr lang="en-US" baseline="0"/>
                      <a:pPr/>
                      <a:t>[CELLRANGE]</a:t>
                    </a:fld>
                    <a:r>
                      <a:rPr lang="en-US" baseline="0"/>
                      <a:t>, </a:t>
                    </a:r>
                    <a:fld id="{1E533CAD-2709-4D38-875E-F225E9CCDFAA}" type="VALUE">
                      <a:rPr lang="en-US" baseline="0"/>
                      <a:pPr/>
                      <a:t>[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E-01FE-4A8B-9279-90177A43ADC6}"/>
                </c:ext>
              </c:extLst>
            </c:dLbl>
            <c:spPr>
              <a:noFill/>
              <a:ln>
                <a:noFill/>
              </a:ln>
              <a:effectLst/>
            </c:spPr>
            <c:txPr>
              <a:bodyPr rot="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a:solidFill>
                        <a:schemeClr val="tx2">
                          <a:lumMod val="35000"/>
                          <a:lumOff val="65000"/>
                        </a:schemeClr>
                      </a:solidFill>
                    </a:ln>
                    <a:effectLst/>
                  </c:spPr>
                </c15:leaderLines>
              </c:ext>
            </c:extLst>
          </c:dLbls>
          <c:cat>
            <c:strRef>
              <c:f>Overall!$A$39:$A$53</c:f>
              <c:strCache>
                <c:ptCount val="15"/>
                <c:pt idx="0">
                  <c:v>UK</c:v>
                </c:pt>
                <c:pt idx="1">
                  <c:v>Canada</c:v>
                </c:pt>
                <c:pt idx="2">
                  <c:v>Australia</c:v>
                </c:pt>
                <c:pt idx="3">
                  <c:v>Philippines</c:v>
                </c:pt>
                <c:pt idx="4">
                  <c:v>Ethiopia</c:v>
                </c:pt>
                <c:pt idx="5">
                  <c:v>South Korea</c:v>
                </c:pt>
                <c:pt idx="6">
                  <c:v>Nigeria</c:v>
                </c:pt>
                <c:pt idx="7">
                  <c:v>Indonesia</c:v>
                </c:pt>
                <c:pt idx="8">
                  <c:v>Honduras</c:v>
                </c:pt>
                <c:pt idx="9">
                  <c:v>Palestine</c:v>
                </c:pt>
                <c:pt idx="10">
                  <c:v>US</c:v>
                </c:pt>
                <c:pt idx="11">
                  <c:v>Tanzania</c:v>
                </c:pt>
                <c:pt idx="12">
                  <c:v>Zimbabwe</c:v>
                </c:pt>
                <c:pt idx="13">
                  <c:v>DRC</c:v>
                </c:pt>
                <c:pt idx="14">
                  <c:v>Chile</c:v>
                </c:pt>
              </c:strCache>
            </c:strRef>
          </c:cat>
          <c:val>
            <c:numRef>
              <c:f>Overall!$C$39:$C$53</c:f>
              <c:numCache>
                <c:formatCode>0%</c:formatCode>
                <c:ptCount val="15"/>
                <c:pt idx="0">
                  <c:v>0.7</c:v>
                </c:pt>
                <c:pt idx="1">
                  <c:v>0.75577243426636187</c:v>
                </c:pt>
                <c:pt idx="2">
                  <c:v>0.6568765000203054</c:v>
                </c:pt>
                <c:pt idx="3">
                  <c:v>0.73362035277547222</c:v>
                </c:pt>
                <c:pt idx="4">
                  <c:v>0.54984614877136706</c:v>
                </c:pt>
                <c:pt idx="5">
                  <c:v>0.71</c:v>
                </c:pt>
                <c:pt idx="6">
                  <c:v>0.62</c:v>
                </c:pt>
                <c:pt idx="7">
                  <c:v>0.61</c:v>
                </c:pt>
                <c:pt idx="8">
                  <c:v>0.65054828655931674</c:v>
                </c:pt>
                <c:pt idx="9">
                  <c:v>0.61166790422934103</c:v>
                </c:pt>
                <c:pt idx="10">
                  <c:v>0.64052641898600038</c:v>
                </c:pt>
                <c:pt idx="11">
                  <c:v>0.61817875869081496</c:v>
                </c:pt>
                <c:pt idx="12">
                  <c:v>0.59698326921948597</c:v>
                </c:pt>
                <c:pt idx="13">
                  <c:v>0.47</c:v>
                </c:pt>
                <c:pt idx="14">
                  <c:v>0.5176201754385964</c:v>
                </c:pt>
              </c:numCache>
            </c:numRef>
          </c:val>
          <c:smooth val="0"/>
          <c:extLst>
            <c:ext xmlns:c15="http://schemas.microsoft.com/office/drawing/2012/chart" uri="{02D57815-91ED-43cb-92C2-25804820EDAC}">
              <c15:datalabelsRange>
                <c15:f>Overall!$G$39:$G$53</c15:f>
                <c15:dlblRangeCache>
                  <c:ptCount val="15"/>
                  <c:pt idx="0">
                    <c:v>Adapt</c:v>
                  </c:pt>
                  <c:pt idx="1">
                    <c:v>Access/Accept</c:v>
                  </c:pt>
                  <c:pt idx="2">
                    <c:v>Adapt</c:v>
                  </c:pt>
                  <c:pt idx="3">
                    <c:v>Avail</c:v>
                  </c:pt>
                  <c:pt idx="4">
                    <c:v>Avail</c:v>
                  </c:pt>
                  <c:pt idx="5">
                    <c:v>Access</c:v>
                  </c:pt>
                  <c:pt idx="6">
                    <c:v>Avail</c:v>
                  </c:pt>
                  <c:pt idx="7">
                    <c:v>Adapt</c:v>
                  </c:pt>
                  <c:pt idx="8">
                    <c:v>Adapt</c:v>
                  </c:pt>
                  <c:pt idx="9">
                    <c:v>Accept</c:v>
                  </c:pt>
                  <c:pt idx="10">
                    <c:v>Accept</c:v>
                  </c:pt>
                  <c:pt idx="11">
                    <c:v>Adapt</c:v>
                  </c:pt>
                  <c:pt idx="12">
                    <c:v>Accept</c:v>
                  </c:pt>
                  <c:pt idx="13">
                    <c:v>Adapt</c:v>
                  </c:pt>
                  <c:pt idx="14">
                    <c:v>Accept</c:v>
                  </c:pt>
                </c15:dlblRangeCache>
              </c15:datalabelsRange>
            </c:ext>
            <c:ext xmlns:c16="http://schemas.microsoft.com/office/drawing/2014/chart" uri="{C3380CC4-5D6E-409C-BE32-E72D297353CC}">
              <c16:uniqueId val="{0000001F-01FE-4A8B-9279-90177A43ADC6}"/>
            </c:ext>
          </c:extLst>
        </c:ser>
        <c:ser>
          <c:idx val="2"/>
          <c:order val="2"/>
          <c:tx>
            <c:strRef>
              <c:f>Overall!$D$38</c:f>
              <c:strCache>
                <c:ptCount val="1"/>
                <c:pt idx="0">
                  <c:v>Index</c:v>
                </c:pt>
              </c:strCache>
            </c:strRef>
          </c:tx>
          <c:spPr>
            <a:ln w="25400" cap="rnd">
              <a:noFill/>
              <a:round/>
            </a:ln>
            <a:effectLst/>
          </c:spPr>
          <c:marker>
            <c:symbol val="circle"/>
            <c:size val="6"/>
            <c:spPr>
              <a:gradFill rotWithShape="1">
                <a:gsLst>
                  <a:gs pos="0">
                    <a:schemeClr val="dk1">
                      <a:tint val="75000"/>
                      <a:satMod val="103000"/>
                      <a:lumMod val="102000"/>
                      <a:tint val="94000"/>
                    </a:schemeClr>
                  </a:gs>
                  <a:gs pos="50000">
                    <a:schemeClr val="dk1">
                      <a:tint val="75000"/>
                      <a:satMod val="110000"/>
                      <a:lumMod val="100000"/>
                      <a:shade val="100000"/>
                    </a:schemeClr>
                  </a:gs>
                  <a:gs pos="100000">
                    <a:schemeClr val="dk1">
                      <a:tint val="75000"/>
                      <a:lumMod val="99000"/>
                      <a:satMod val="120000"/>
                      <a:shade val="78000"/>
                    </a:schemeClr>
                  </a:gs>
                </a:gsLst>
                <a:lin ang="5400000" scaled="0"/>
              </a:gradFill>
              <a:ln w="12700">
                <a:solidFill>
                  <a:schemeClr val="lt2"/>
                </a:solidFill>
                <a:round/>
              </a:ln>
              <a:effectLst/>
            </c:spPr>
          </c:marker>
          <c:dLbls>
            <c:spPr>
              <a:noFill/>
              <a:ln>
                <a:noFill/>
              </a:ln>
              <a:effectLst/>
            </c:spPr>
            <c:txPr>
              <a:bodyPr rot="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Overall!$A$39:$A$53</c:f>
              <c:strCache>
                <c:ptCount val="15"/>
                <c:pt idx="0">
                  <c:v>UK</c:v>
                </c:pt>
                <c:pt idx="1">
                  <c:v>Canada</c:v>
                </c:pt>
                <c:pt idx="2">
                  <c:v>Australia</c:v>
                </c:pt>
                <c:pt idx="3">
                  <c:v>Philippines</c:v>
                </c:pt>
                <c:pt idx="4">
                  <c:v>Ethiopia</c:v>
                </c:pt>
                <c:pt idx="5">
                  <c:v>South Korea</c:v>
                </c:pt>
                <c:pt idx="6">
                  <c:v>Nigeria</c:v>
                </c:pt>
                <c:pt idx="7">
                  <c:v>Indonesia</c:v>
                </c:pt>
                <c:pt idx="8">
                  <c:v>Honduras</c:v>
                </c:pt>
                <c:pt idx="9">
                  <c:v>Palestine</c:v>
                </c:pt>
                <c:pt idx="10">
                  <c:v>US</c:v>
                </c:pt>
                <c:pt idx="11">
                  <c:v>Tanzania</c:v>
                </c:pt>
                <c:pt idx="12">
                  <c:v>Zimbabwe</c:v>
                </c:pt>
                <c:pt idx="13">
                  <c:v>DRC</c:v>
                </c:pt>
                <c:pt idx="14">
                  <c:v>Chile</c:v>
                </c:pt>
              </c:strCache>
            </c:strRef>
          </c:cat>
          <c:val>
            <c:numRef>
              <c:f>Overall!$D$39:$D$53</c:f>
              <c:numCache>
                <c:formatCode>0%</c:formatCode>
                <c:ptCount val="15"/>
                <c:pt idx="0">
                  <c:v>0.86435323514141182</c:v>
                </c:pt>
                <c:pt idx="1">
                  <c:v>0.84113208878689016</c:v>
                </c:pt>
                <c:pt idx="2">
                  <c:v>0.83153124394069133</c:v>
                </c:pt>
                <c:pt idx="3">
                  <c:v>0.81975849594585637</c:v>
                </c:pt>
                <c:pt idx="4">
                  <c:v>0.7885392106007949</c:v>
                </c:pt>
                <c:pt idx="5">
                  <c:v>0.78478433430070627</c:v>
                </c:pt>
                <c:pt idx="6">
                  <c:v>0.77563599107456371</c:v>
                </c:pt>
                <c:pt idx="7">
                  <c:v>0.77443966049934621</c:v>
                </c:pt>
                <c:pt idx="8">
                  <c:v>0.76581703953877223</c:v>
                </c:pt>
                <c:pt idx="9">
                  <c:v>0.75895536005512843</c:v>
                </c:pt>
                <c:pt idx="10">
                  <c:v>0.75201322198613696</c:v>
                </c:pt>
                <c:pt idx="11">
                  <c:v>0.73724060461819685</c:v>
                </c:pt>
                <c:pt idx="12">
                  <c:v>0.72594099223861708</c:v>
                </c:pt>
                <c:pt idx="13">
                  <c:v>0.7132700014694936</c:v>
                </c:pt>
                <c:pt idx="14">
                  <c:v>0.66380075016513551</c:v>
                </c:pt>
              </c:numCache>
            </c:numRef>
          </c:val>
          <c:smooth val="0"/>
          <c:extLst>
            <c:ext xmlns:c16="http://schemas.microsoft.com/office/drawing/2014/chart" uri="{C3380CC4-5D6E-409C-BE32-E72D297353CC}">
              <c16:uniqueId val="{00000020-01FE-4A8B-9279-90177A43ADC6}"/>
            </c:ext>
          </c:extLst>
        </c:ser>
        <c:dLbls>
          <c:showLegendKey val="0"/>
          <c:showVal val="1"/>
          <c:showCatName val="0"/>
          <c:showSerName val="0"/>
          <c:showPercent val="0"/>
          <c:showBubbleSize val="0"/>
        </c:dLbls>
        <c:hiLowLines>
          <c:spPr>
            <a:ln w="9525">
              <a:solidFill>
                <a:schemeClr val="dk1">
                  <a:lumMod val="75000"/>
                  <a:lumOff val="25000"/>
                </a:schemeClr>
              </a:solidFill>
            </a:ln>
            <a:effectLst/>
          </c:spPr>
        </c:hiLowLines>
        <c:axId val="711641192"/>
        <c:axId val="711642176"/>
      </c:stockChart>
      <c:catAx>
        <c:axId val="711641192"/>
        <c:scaling>
          <c:orientation val="minMax"/>
        </c:scaling>
        <c:delete val="0"/>
        <c:axPos val="b"/>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711642176"/>
        <c:crosses val="autoZero"/>
        <c:auto val="1"/>
        <c:lblAlgn val="ctr"/>
        <c:lblOffset val="100"/>
        <c:noMultiLvlLbl val="0"/>
      </c:catAx>
      <c:valAx>
        <c:axId val="711642176"/>
        <c:scaling>
          <c:orientation val="minMax"/>
          <c:max val="1"/>
          <c:min val="0.45"/>
        </c:scaling>
        <c:delete val="0"/>
        <c:axPos val="l"/>
        <c:majorGridlines>
          <c:spPr>
            <a:ln w="9525" cap="flat" cmpd="sng" algn="ctr">
              <a:solidFill>
                <a:schemeClr val="tx2">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71164119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legend>
    <c:plotVisOnly val="1"/>
    <c:dispBlanksAs val="gap"/>
    <c:showDLblsOverMax val="0"/>
  </c:chart>
  <c:spPr>
    <a:noFill/>
    <a:ln>
      <a:noFill/>
    </a:ln>
    <a:effectLst/>
  </c:spPr>
  <c:txPr>
    <a:bodyPr/>
    <a:lstStyle/>
    <a:p>
      <a:pPr>
        <a:defRPr sz="1400">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baseline="0">
                <a:solidFill>
                  <a:schemeClr val="tx2"/>
                </a:solidFill>
                <a:latin typeface="Helvetica" panose="020B0604020202020204" pitchFamily="34" charset="0"/>
                <a:ea typeface="+mn-ea"/>
                <a:cs typeface="Helvetica" panose="020B0604020202020204" pitchFamily="34" charset="0"/>
              </a:defRPr>
            </a:pPr>
            <a:r>
              <a:rPr lang="en-US" sz="1400" dirty="0"/>
              <a:t>Percentage of schools with potable water</a:t>
            </a:r>
          </a:p>
        </c:rich>
      </c:tx>
      <c:overlay val="0"/>
      <c:spPr>
        <a:noFill/>
        <a:ln>
          <a:noFill/>
        </a:ln>
        <a:effectLst/>
      </c:spPr>
      <c:txPr>
        <a:bodyPr rot="0" spcFirstLastPara="1" vertOverflow="ellipsis" vert="horz" wrap="square" anchor="ctr" anchorCtr="1"/>
        <a:lstStyle/>
        <a:p>
          <a:pPr>
            <a:defRPr sz="1400" b="1"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title>
    <c:autoTitleDeleted val="0"/>
    <c:plotArea>
      <c:layout/>
      <c:barChart>
        <c:barDir val="col"/>
        <c:grouping val="stacked"/>
        <c:varyColors val="0"/>
        <c:ser>
          <c:idx val="0"/>
          <c:order val="0"/>
          <c:tx>
            <c:strRef>
              <c:f>'SDG4'!$S$63</c:f>
              <c:strCache>
                <c:ptCount val="1"/>
                <c:pt idx="0">
                  <c:v>Primary schools</c:v>
                </c:pt>
              </c:strCache>
            </c:strRef>
          </c:tx>
          <c:spPr>
            <a:gradFill rotWithShape="1">
              <a:gsLst>
                <a:gs pos="0">
                  <a:schemeClr val="accent1">
                    <a:satMod val="103000"/>
                    <a:lumMod val="102000"/>
                    <a:tint val="94000"/>
                  </a:schemeClr>
                </a:gs>
                <a:gs pos="50000">
                  <a:schemeClr val="accent1">
                    <a:satMod val="110000"/>
                    <a:lumMod val="100000"/>
                    <a:shade val="100000"/>
                  </a:schemeClr>
                </a:gs>
                <a:gs pos="100000">
                  <a:schemeClr val="accent1">
                    <a:lumMod val="99000"/>
                    <a:satMod val="120000"/>
                    <a:shade val="78000"/>
                  </a:schemeClr>
                </a:gs>
              </a:gsLst>
              <a:lin ang="5400000" scaled="0"/>
            </a:gradFill>
            <a:ln>
              <a:noFill/>
            </a:ln>
            <a:effectLst/>
          </c:spPr>
          <c:invertIfNegative val="0"/>
          <c:dLbls>
            <c:dLbl>
              <c:idx val="7"/>
              <c:delete val="1"/>
              <c:extLst>
                <c:ext xmlns:c15="http://schemas.microsoft.com/office/drawing/2012/chart" uri="{CE6537A1-D6FC-4f65-9D91-7224C49458BB}"/>
                <c:ext xmlns:c16="http://schemas.microsoft.com/office/drawing/2014/chart" uri="{C3380CC4-5D6E-409C-BE32-E72D297353CC}">
                  <c16:uniqueId val="{00000006-10BA-406D-851F-C5807741E89F}"/>
                </c:ext>
              </c:extLst>
            </c:dLbl>
            <c:dLbl>
              <c:idx val="8"/>
              <c:delete val="1"/>
              <c:extLst>
                <c:ext xmlns:c15="http://schemas.microsoft.com/office/drawing/2012/chart" uri="{CE6537A1-D6FC-4f65-9D91-7224C49458BB}"/>
                <c:ext xmlns:c16="http://schemas.microsoft.com/office/drawing/2014/chart" uri="{C3380CC4-5D6E-409C-BE32-E72D297353CC}">
                  <c16:uniqueId val="{00000005-10BA-406D-851F-C5807741E89F}"/>
                </c:ext>
              </c:extLst>
            </c:dLbl>
            <c:dLbl>
              <c:idx val="9"/>
              <c:delete val="1"/>
              <c:extLst>
                <c:ext xmlns:c15="http://schemas.microsoft.com/office/drawing/2012/chart" uri="{CE6537A1-D6FC-4f65-9D91-7224C49458BB}"/>
                <c:ext xmlns:c16="http://schemas.microsoft.com/office/drawing/2014/chart" uri="{C3380CC4-5D6E-409C-BE32-E72D297353CC}">
                  <c16:uniqueId val="{00000004-10BA-406D-851F-C5807741E89F}"/>
                </c:ext>
              </c:extLst>
            </c:dLbl>
            <c:dLbl>
              <c:idx val="10"/>
              <c:delete val="1"/>
              <c:extLst>
                <c:ext xmlns:c15="http://schemas.microsoft.com/office/drawing/2012/chart" uri="{CE6537A1-D6FC-4f65-9D91-7224C49458BB}"/>
                <c:ext xmlns:c16="http://schemas.microsoft.com/office/drawing/2014/chart" uri="{C3380CC4-5D6E-409C-BE32-E72D297353CC}">
                  <c16:uniqueId val="{00000003-10BA-406D-851F-C5807741E89F}"/>
                </c:ext>
              </c:extLst>
            </c:dLbl>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DG4'!$R$64:$R$74</c:f>
              <c:strCache>
                <c:ptCount val="11"/>
                <c:pt idx="0">
                  <c:v>Ethiopia</c:v>
                </c:pt>
                <c:pt idx="1">
                  <c:v>Tanzania</c:v>
                </c:pt>
                <c:pt idx="2">
                  <c:v>Honduras</c:v>
                </c:pt>
                <c:pt idx="3">
                  <c:v>Philippines</c:v>
                </c:pt>
                <c:pt idx="4">
                  <c:v>Zimbabwe</c:v>
                </c:pt>
                <c:pt idx="5">
                  <c:v>Chile</c:v>
                </c:pt>
                <c:pt idx="6">
                  <c:v>US</c:v>
                </c:pt>
                <c:pt idx="7">
                  <c:v>Australia</c:v>
                </c:pt>
                <c:pt idx="8">
                  <c:v>Palestine</c:v>
                </c:pt>
                <c:pt idx="9">
                  <c:v>Korea</c:v>
                </c:pt>
                <c:pt idx="10">
                  <c:v>UK</c:v>
                </c:pt>
              </c:strCache>
            </c:strRef>
          </c:cat>
          <c:val>
            <c:numRef>
              <c:f>'SDG4'!$S$64:$S$74</c:f>
              <c:numCache>
                <c:formatCode>0%</c:formatCode>
                <c:ptCount val="11"/>
                <c:pt idx="0">
                  <c:v>0.4</c:v>
                </c:pt>
                <c:pt idx="1">
                  <c:v>0.436</c:v>
                </c:pt>
                <c:pt idx="2">
                  <c:v>0.68</c:v>
                </c:pt>
                <c:pt idx="3">
                  <c:v>0.8</c:v>
                </c:pt>
                <c:pt idx="4">
                  <c:v>0.82</c:v>
                </c:pt>
                <c:pt idx="5">
                  <c:v>0.94</c:v>
                </c:pt>
                <c:pt idx="6">
                  <c:v>0.95</c:v>
                </c:pt>
                <c:pt idx="7">
                  <c:v>1</c:v>
                </c:pt>
                <c:pt idx="8">
                  <c:v>1</c:v>
                </c:pt>
                <c:pt idx="9">
                  <c:v>1</c:v>
                </c:pt>
                <c:pt idx="10">
                  <c:v>1</c:v>
                </c:pt>
              </c:numCache>
            </c:numRef>
          </c:val>
          <c:extLst>
            <c:ext xmlns:c16="http://schemas.microsoft.com/office/drawing/2014/chart" uri="{C3380CC4-5D6E-409C-BE32-E72D297353CC}">
              <c16:uniqueId val="{00000000-10BA-406D-851F-C5807741E89F}"/>
            </c:ext>
          </c:extLst>
        </c:ser>
        <c:ser>
          <c:idx val="1"/>
          <c:order val="1"/>
          <c:tx>
            <c:strRef>
              <c:f>'SDG4'!$T$63</c:f>
              <c:strCache>
                <c:ptCount val="1"/>
                <c:pt idx="0">
                  <c:v>Secondary schools</c:v>
                </c:pt>
              </c:strCache>
            </c:strRef>
          </c:tx>
          <c:spPr>
            <a:gradFill rotWithShape="1">
              <a:gsLst>
                <a:gs pos="0">
                  <a:schemeClr val="accent2">
                    <a:satMod val="103000"/>
                    <a:lumMod val="102000"/>
                    <a:tint val="94000"/>
                  </a:schemeClr>
                </a:gs>
                <a:gs pos="50000">
                  <a:schemeClr val="accent2">
                    <a:satMod val="110000"/>
                    <a:lumMod val="100000"/>
                    <a:shade val="100000"/>
                  </a:schemeClr>
                </a:gs>
                <a:gs pos="100000">
                  <a:schemeClr val="accent2">
                    <a:lumMod val="99000"/>
                    <a:satMod val="120000"/>
                    <a:shade val="78000"/>
                  </a:schemeClr>
                </a:gs>
              </a:gsLst>
              <a:lin ang="5400000" scaled="0"/>
            </a:gradFill>
            <a:ln>
              <a:noFill/>
            </a:ln>
            <a:effectLst/>
          </c:spPr>
          <c:invertIfNegative val="0"/>
          <c:dLbls>
            <c:dLbl>
              <c:idx val="7"/>
              <c:delete val="1"/>
              <c:extLst>
                <c:ext xmlns:c15="http://schemas.microsoft.com/office/drawing/2012/chart" uri="{CE6537A1-D6FC-4f65-9D91-7224C49458BB}"/>
                <c:ext xmlns:c16="http://schemas.microsoft.com/office/drawing/2014/chart" uri="{C3380CC4-5D6E-409C-BE32-E72D297353CC}">
                  <c16:uniqueId val="{00000007-10BA-406D-851F-C5807741E89F}"/>
                </c:ext>
              </c:extLst>
            </c:dLbl>
            <c:dLbl>
              <c:idx val="8"/>
              <c:delete val="1"/>
              <c:extLst>
                <c:ext xmlns:c15="http://schemas.microsoft.com/office/drawing/2012/chart" uri="{CE6537A1-D6FC-4f65-9D91-7224C49458BB}"/>
                <c:ext xmlns:c16="http://schemas.microsoft.com/office/drawing/2014/chart" uri="{C3380CC4-5D6E-409C-BE32-E72D297353CC}">
                  <c16:uniqueId val="{00000008-10BA-406D-851F-C5807741E89F}"/>
                </c:ext>
              </c:extLst>
            </c:dLbl>
            <c:dLbl>
              <c:idx val="9"/>
              <c:delete val="1"/>
              <c:extLst>
                <c:ext xmlns:c15="http://schemas.microsoft.com/office/drawing/2012/chart" uri="{CE6537A1-D6FC-4f65-9D91-7224C49458BB}"/>
                <c:ext xmlns:c16="http://schemas.microsoft.com/office/drawing/2014/chart" uri="{C3380CC4-5D6E-409C-BE32-E72D297353CC}">
                  <c16:uniqueId val="{00000009-10BA-406D-851F-C5807741E89F}"/>
                </c:ext>
              </c:extLst>
            </c:dLbl>
            <c:dLbl>
              <c:idx val="10"/>
              <c:delete val="1"/>
              <c:extLst>
                <c:ext xmlns:c15="http://schemas.microsoft.com/office/drawing/2012/chart" uri="{CE6537A1-D6FC-4f65-9D91-7224C49458BB}"/>
                <c:ext xmlns:c16="http://schemas.microsoft.com/office/drawing/2014/chart" uri="{C3380CC4-5D6E-409C-BE32-E72D297353CC}">
                  <c16:uniqueId val="{00000002-10BA-406D-851F-C5807741E89F}"/>
                </c:ext>
              </c:extLst>
            </c:dLbl>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DG4'!$R$64:$R$74</c:f>
              <c:strCache>
                <c:ptCount val="11"/>
                <c:pt idx="0">
                  <c:v>Ethiopia</c:v>
                </c:pt>
                <c:pt idx="1">
                  <c:v>Tanzania</c:v>
                </c:pt>
                <c:pt idx="2">
                  <c:v>Honduras</c:v>
                </c:pt>
                <c:pt idx="3">
                  <c:v>Philippines</c:v>
                </c:pt>
                <c:pt idx="4">
                  <c:v>Zimbabwe</c:v>
                </c:pt>
                <c:pt idx="5">
                  <c:v>Chile</c:v>
                </c:pt>
                <c:pt idx="6">
                  <c:v>US</c:v>
                </c:pt>
                <c:pt idx="7">
                  <c:v>Australia</c:v>
                </c:pt>
                <c:pt idx="8">
                  <c:v>Palestine</c:v>
                </c:pt>
                <c:pt idx="9">
                  <c:v>Korea</c:v>
                </c:pt>
                <c:pt idx="10">
                  <c:v>UK</c:v>
                </c:pt>
              </c:strCache>
            </c:strRef>
          </c:cat>
          <c:val>
            <c:numRef>
              <c:f>'SDG4'!$T$64:$T$74</c:f>
              <c:numCache>
                <c:formatCode>0%</c:formatCode>
                <c:ptCount val="11"/>
                <c:pt idx="0">
                  <c:v>0.83699999999999997</c:v>
                </c:pt>
                <c:pt idx="1">
                  <c:v>0.60299999999999998</c:v>
                </c:pt>
                <c:pt idx="2">
                  <c:v>0.70899999999999996</c:v>
                </c:pt>
                <c:pt idx="3">
                  <c:v>0.80300000000000005</c:v>
                </c:pt>
                <c:pt idx="4">
                  <c:v>0.88100000000000001</c:v>
                </c:pt>
                <c:pt idx="5">
                  <c:v>0.93300000000000005</c:v>
                </c:pt>
                <c:pt idx="6">
                  <c:v>0.92700000000000005</c:v>
                </c:pt>
                <c:pt idx="7">
                  <c:v>1</c:v>
                </c:pt>
                <c:pt idx="8">
                  <c:v>1</c:v>
                </c:pt>
                <c:pt idx="9">
                  <c:v>1</c:v>
                </c:pt>
                <c:pt idx="10">
                  <c:v>1</c:v>
                </c:pt>
              </c:numCache>
            </c:numRef>
          </c:val>
          <c:extLst>
            <c:ext xmlns:c16="http://schemas.microsoft.com/office/drawing/2014/chart" uri="{C3380CC4-5D6E-409C-BE32-E72D297353CC}">
              <c16:uniqueId val="{00000001-10BA-406D-851F-C5807741E89F}"/>
            </c:ext>
          </c:extLst>
        </c:ser>
        <c:dLbls>
          <c:dLblPos val="ctr"/>
          <c:showLegendKey val="0"/>
          <c:showVal val="1"/>
          <c:showCatName val="0"/>
          <c:showSerName val="0"/>
          <c:showPercent val="0"/>
          <c:showBubbleSize val="0"/>
        </c:dLbls>
        <c:gapWidth val="150"/>
        <c:overlap val="100"/>
        <c:axId val="-1621802400"/>
        <c:axId val="-1628394832"/>
      </c:barChart>
      <c:catAx>
        <c:axId val="-1621802400"/>
        <c:scaling>
          <c:orientation val="minMax"/>
        </c:scaling>
        <c:delete val="0"/>
        <c:axPos val="b"/>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628394832"/>
        <c:crosses val="autoZero"/>
        <c:auto val="1"/>
        <c:lblAlgn val="ctr"/>
        <c:lblOffset val="100"/>
        <c:noMultiLvlLbl val="0"/>
      </c:catAx>
      <c:valAx>
        <c:axId val="-1628394832"/>
        <c:scaling>
          <c:orientation val="minMax"/>
          <c:max val="2"/>
        </c:scaling>
        <c:delete val="0"/>
        <c:axPos val="l"/>
        <c:majorGridlines>
          <c:spPr>
            <a:ln w="9525" cap="flat" cmpd="sng" algn="ctr">
              <a:solidFill>
                <a:schemeClr val="tx2">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62180240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legend>
    <c:plotVisOnly val="1"/>
    <c:dispBlanksAs val="gap"/>
    <c:showDLblsOverMax val="0"/>
  </c:chart>
  <c:spPr>
    <a:noFill/>
    <a:ln>
      <a:noFill/>
    </a:ln>
    <a:effectLst/>
  </c:spPr>
  <c:txPr>
    <a:bodyPr/>
    <a:lstStyle/>
    <a:p>
      <a:pPr>
        <a:defRPr>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1" i="0" u="none" strike="noStrike" kern="1200" baseline="0">
                <a:solidFill>
                  <a:schemeClr val="tx2"/>
                </a:solidFill>
                <a:latin typeface="Helvetica" panose="020B0604020202020204" pitchFamily="34" charset="0"/>
                <a:ea typeface="+mn-ea"/>
                <a:cs typeface="Helvetica" panose="020B0604020202020204" pitchFamily="34" charset="0"/>
              </a:defRPr>
            </a:pPr>
            <a:r>
              <a:rPr lang="en-US" sz="1400" dirty="0"/>
              <a:t>Percentage of teachers appropriately trained</a:t>
            </a:r>
          </a:p>
        </c:rich>
      </c:tx>
      <c:overlay val="0"/>
      <c:spPr>
        <a:noFill/>
        <a:ln>
          <a:noFill/>
        </a:ln>
        <a:effectLst/>
      </c:spPr>
      <c:txPr>
        <a:bodyPr rot="0" spcFirstLastPara="1" vertOverflow="ellipsis" vert="horz" wrap="square" anchor="ctr" anchorCtr="1"/>
        <a:lstStyle/>
        <a:p>
          <a:pPr>
            <a:defRPr sz="1400" b="1"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title>
    <c:autoTitleDeleted val="0"/>
    <c:plotArea>
      <c:layout/>
      <c:barChart>
        <c:barDir val="col"/>
        <c:grouping val="stacked"/>
        <c:varyColors val="0"/>
        <c:ser>
          <c:idx val="0"/>
          <c:order val="0"/>
          <c:tx>
            <c:strRef>
              <c:f>'SDG4'!$S$84</c:f>
              <c:strCache>
                <c:ptCount val="1"/>
                <c:pt idx="0">
                  <c:v>In Primary schools</c:v>
                </c:pt>
              </c:strCache>
            </c:strRef>
          </c:tx>
          <c:spPr>
            <a:gradFill rotWithShape="1">
              <a:gsLst>
                <a:gs pos="0">
                  <a:schemeClr val="accent1">
                    <a:satMod val="103000"/>
                    <a:lumMod val="102000"/>
                    <a:tint val="94000"/>
                  </a:schemeClr>
                </a:gs>
                <a:gs pos="50000">
                  <a:schemeClr val="accent1">
                    <a:satMod val="110000"/>
                    <a:lumMod val="100000"/>
                    <a:shade val="100000"/>
                  </a:schemeClr>
                </a:gs>
                <a:gs pos="100000">
                  <a:schemeClr val="accent1">
                    <a:lumMod val="99000"/>
                    <a:satMod val="120000"/>
                    <a:shade val="78000"/>
                  </a:schemeClr>
                </a:gs>
              </a:gsLst>
              <a:lin ang="5400000" scaled="0"/>
            </a:gradFill>
            <a:ln>
              <a:noFill/>
            </a:ln>
            <a:effectLst/>
          </c:spPr>
          <c:invertIfNegative val="0"/>
          <c:dLbls>
            <c:dLbl>
              <c:idx val="11"/>
              <c:delete val="1"/>
              <c:extLst>
                <c:ext xmlns:c15="http://schemas.microsoft.com/office/drawing/2012/chart" uri="{CE6537A1-D6FC-4f65-9D91-7224C49458BB}"/>
                <c:ext xmlns:c16="http://schemas.microsoft.com/office/drawing/2014/chart" uri="{C3380CC4-5D6E-409C-BE32-E72D297353CC}">
                  <c16:uniqueId val="{00000003-1369-47DD-96F9-184083BBD970}"/>
                </c:ext>
              </c:extLst>
            </c:dLbl>
            <c:dLbl>
              <c:idx val="12"/>
              <c:delete val="1"/>
              <c:extLst>
                <c:ext xmlns:c15="http://schemas.microsoft.com/office/drawing/2012/chart" uri="{CE6537A1-D6FC-4f65-9D91-7224C49458BB}"/>
                <c:ext xmlns:c16="http://schemas.microsoft.com/office/drawing/2014/chart" uri="{C3380CC4-5D6E-409C-BE32-E72D297353CC}">
                  <c16:uniqueId val="{00000006-1369-47DD-96F9-184083BBD970}"/>
                </c:ext>
              </c:extLst>
            </c:dLbl>
            <c:dLbl>
              <c:idx val="13"/>
              <c:delete val="1"/>
              <c:extLst>
                <c:ext xmlns:c15="http://schemas.microsoft.com/office/drawing/2012/chart" uri="{CE6537A1-D6FC-4f65-9D91-7224C49458BB}"/>
                <c:ext xmlns:c16="http://schemas.microsoft.com/office/drawing/2014/chart" uri="{C3380CC4-5D6E-409C-BE32-E72D297353CC}">
                  <c16:uniqueId val="{00000004-1369-47DD-96F9-184083BBD970}"/>
                </c:ext>
              </c:extLst>
            </c:dLbl>
            <c:dLbl>
              <c:idx val="14"/>
              <c:delete val="1"/>
              <c:extLst>
                <c:ext xmlns:c15="http://schemas.microsoft.com/office/drawing/2012/chart" uri="{CE6537A1-D6FC-4f65-9D91-7224C49458BB}"/>
                <c:ext xmlns:c16="http://schemas.microsoft.com/office/drawing/2014/chart" uri="{C3380CC4-5D6E-409C-BE32-E72D297353CC}">
                  <c16:uniqueId val="{00000005-1369-47DD-96F9-184083BBD970}"/>
                </c:ext>
              </c:extLst>
            </c:dLbl>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DG4'!$R$85:$R$99</c:f>
              <c:strCache>
                <c:ptCount val="15"/>
                <c:pt idx="0">
                  <c:v>Palestine</c:v>
                </c:pt>
                <c:pt idx="1">
                  <c:v>Indonesia</c:v>
                </c:pt>
                <c:pt idx="2">
                  <c:v>Nigeria</c:v>
                </c:pt>
                <c:pt idx="3">
                  <c:v>Ethiopia</c:v>
                </c:pt>
                <c:pt idx="4">
                  <c:v>Honduras</c:v>
                </c:pt>
                <c:pt idx="5">
                  <c:v>Zimbabwe</c:v>
                </c:pt>
                <c:pt idx="6">
                  <c:v>Chile</c:v>
                </c:pt>
                <c:pt idx="7">
                  <c:v>Tanzania</c:v>
                </c:pt>
                <c:pt idx="8">
                  <c:v>DRC</c:v>
                </c:pt>
                <c:pt idx="9">
                  <c:v>UK</c:v>
                </c:pt>
                <c:pt idx="10">
                  <c:v>US</c:v>
                </c:pt>
                <c:pt idx="11">
                  <c:v>Australia</c:v>
                </c:pt>
                <c:pt idx="12">
                  <c:v>Canada</c:v>
                </c:pt>
                <c:pt idx="13">
                  <c:v>Philippines</c:v>
                </c:pt>
                <c:pt idx="14">
                  <c:v>Korea</c:v>
                </c:pt>
              </c:strCache>
            </c:strRef>
          </c:cat>
          <c:val>
            <c:numRef>
              <c:f>'SDG4'!$S$85:$S$99</c:f>
              <c:numCache>
                <c:formatCode>0%</c:formatCode>
                <c:ptCount val="15"/>
                <c:pt idx="0">
                  <c:v>0.442</c:v>
                </c:pt>
                <c:pt idx="1">
                  <c:v>0.4577</c:v>
                </c:pt>
                <c:pt idx="2">
                  <c:v>0.66</c:v>
                </c:pt>
                <c:pt idx="3">
                  <c:v>0.75</c:v>
                </c:pt>
                <c:pt idx="4">
                  <c:v>0.84499999999999997</c:v>
                </c:pt>
                <c:pt idx="5">
                  <c:v>0.89100000000000001</c:v>
                </c:pt>
                <c:pt idx="6">
                  <c:v>0.94399999999999995</c:v>
                </c:pt>
                <c:pt idx="7">
                  <c:v>0.94599999999999995</c:v>
                </c:pt>
                <c:pt idx="8">
                  <c:v>0.95299999999999996</c:v>
                </c:pt>
                <c:pt idx="9">
                  <c:v>0.96899999999999997</c:v>
                </c:pt>
                <c:pt idx="10">
                  <c:v>0.97</c:v>
                </c:pt>
                <c:pt idx="11">
                  <c:v>1</c:v>
                </c:pt>
                <c:pt idx="12">
                  <c:v>1</c:v>
                </c:pt>
                <c:pt idx="13">
                  <c:v>1</c:v>
                </c:pt>
                <c:pt idx="14">
                  <c:v>1</c:v>
                </c:pt>
              </c:numCache>
            </c:numRef>
          </c:val>
          <c:extLst>
            <c:ext xmlns:c16="http://schemas.microsoft.com/office/drawing/2014/chart" uri="{C3380CC4-5D6E-409C-BE32-E72D297353CC}">
              <c16:uniqueId val="{00000000-1369-47DD-96F9-184083BBD970}"/>
            </c:ext>
          </c:extLst>
        </c:ser>
        <c:ser>
          <c:idx val="1"/>
          <c:order val="1"/>
          <c:tx>
            <c:strRef>
              <c:f>'SDG4'!$T$84</c:f>
              <c:strCache>
                <c:ptCount val="1"/>
                <c:pt idx="0">
                  <c:v>In Secondary schools</c:v>
                </c:pt>
              </c:strCache>
            </c:strRef>
          </c:tx>
          <c:spPr>
            <a:gradFill rotWithShape="1">
              <a:gsLst>
                <a:gs pos="0">
                  <a:schemeClr val="accent2">
                    <a:satMod val="103000"/>
                    <a:lumMod val="102000"/>
                    <a:tint val="94000"/>
                  </a:schemeClr>
                </a:gs>
                <a:gs pos="50000">
                  <a:schemeClr val="accent2">
                    <a:satMod val="110000"/>
                    <a:lumMod val="100000"/>
                    <a:shade val="100000"/>
                  </a:schemeClr>
                </a:gs>
                <a:gs pos="100000">
                  <a:schemeClr val="accent2">
                    <a:lumMod val="99000"/>
                    <a:satMod val="120000"/>
                    <a:shade val="78000"/>
                  </a:schemeClr>
                </a:gs>
              </a:gsLst>
              <a:lin ang="5400000" scaled="0"/>
            </a:gradFill>
            <a:ln>
              <a:noFill/>
            </a:ln>
            <a:effectLst/>
          </c:spPr>
          <c:invertIfNegative val="0"/>
          <c:dLbls>
            <c:dLbl>
              <c:idx val="7"/>
              <c:delete val="1"/>
              <c:extLst>
                <c:ext xmlns:c15="http://schemas.microsoft.com/office/drawing/2012/chart" uri="{CE6537A1-D6FC-4f65-9D91-7224C49458BB}"/>
                <c:ext xmlns:c16="http://schemas.microsoft.com/office/drawing/2014/chart" uri="{C3380CC4-5D6E-409C-BE32-E72D297353CC}">
                  <c16:uniqueId val="{0000000A-1369-47DD-96F9-184083BBD970}"/>
                </c:ext>
              </c:extLst>
            </c:dLbl>
            <c:dLbl>
              <c:idx val="11"/>
              <c:delete val="1"/>
              <c:extLst>
                <c:ext xmlns:c15="http://schemas.microsoft.com/office/drawing/2012/chart" uri="{CE6537A1-D6FC-4f65-9D91-7224C49458BB}"/>
                <c:ext xmlns:c16="http://schemas.microsoft.com/office/drawing/2014/chart" uri="{C3380CC4-5D6E-409C-BE32-E72D297353CC}">
                  <c16:uniqueId val="{00000002-1369-47DD-96F9-184083BBD970}"/>
                </c:ext>
              </c:extLst>
            </c:dLbl>
            <c:dLbl>
              <c:idx val="12"/>
              <c:delete val="1"/>
              <c:extLst>
                <c:ext xmlns:c15="http://schemas.microsoft.com/office/drawing/2012/chart" uri="{CE6537A1-D6FC-4f65-9D91-7224C49458BB}"/>
                <c:ext xmlns:c16="http://schemas.microsoft.com/office/drawing/2014/chart" uri="{C3380CC4-5D6E-409C-BE32-E72D297353CC}">
                  <c16:uniqueId val="{00000009-1369-47DD-96F9-184083BBD970}"/>
                </c:ext>
              </c:extLst>
            </c:dLbl>
            <c:dLbl>
              <c:idx val="13"/>
              <c:delete val="1"/>
              <c:extLst>
                <c:ext xmlns:c15="http://schemas.microsoft.com/office/drawing/2012/chart" uri="{CE6537A1-D6FC-4f65-9D91-7224C49458BB}"/>
                <c:ext xmlns:c16="http://schemas.microsoft.com/office/drawing/2014/chart" uri="{C3380CC4-5D6E-409C-BE32-E72D297353CC}">
                  <c16:uniqueId val="{00000007-1369-47DD-96F9-184083BBD970}"/>
                </c:ext>
              </c:extLst>
            </c:dLbl>
            <c:dLbl>
              <c:idx val="14"/>
              <c:delete val="1"/>
              <c:extLst>
                <c:ext xmlns:c15="http://schemas.microsoft.com/office/drawing/2012/chart" uri="{CE6537A1-D6FC-4f65-9D91-7224C49458BB}"/>
                <c:ext xmlns:c16="http://schemas.microsoft.com/office/drawing/2014/chart" uri="{C3380CC4-5D6E-409C-BE32-E72D297353CC}">
                  <c16:uniqueId val="{00000008-1369-47DD-96F9-184083BBD970}"/>
                </c:ext>
              </c:extLst>
            </c:dLbl>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DG4'!$R$85:$R$99</c:f>
              <c:strCache>
                <c:ptCount val="15"/>
                <c:pt idx="0">
                  <c:v>Palestine</c:v>
                </c:pt>
                <c:pt idx="1">
                  <c:v>Indonesia</c:v>
                </c:pt>
                <c:pt idx="2">
                  <c:v>Nigeria</c:v>
                </c:pt>
                <c:pt idx="3">
                  <c:v>Ethiopia</c:v>
                </c:pt>
                <c:pt idx="4">
                  <c:v>Honduras</c:v>
                </c:pt>
                <c:pt idx="5">
                  <c:v>Zimbabwe</c:v>
                </c:pt>
                <c:pt idx="6">
                  <c:v>Chile</c:v>
                </c:pt>
                <c:pt idx="7">
                  <c:v>Tanzania</c:v>
                </c:pt>
                <c:pt idx="8">
                  <c:v>DRC</c:v>
                </c:pt>
                <c:pt idx="9">
                  <c:v>UK</c:v>
                </c:pt>
                <c:pt idx="10">
                  <c:v>US</c:v>
                </c:pt>
                <c:pt idx="11">
                  <c:v>Australia</c:v>
                </c:pt>
                <c:pt idx="12">
                  <c:v>Canada</c:v>
                </c:pt>
                <c:pt idx="13">
                  <c:v>Philippines</c:v>
                </c:pt>
                <c:pt idx="14">
                  <c:v>Korea</c:v>
                </c:pt>
              </c:strCache>
            </c:strRef>
          </c:cat>
          <c:val>
            <c:numRef>
              <c:f>'SDG4'!$T$85:$T$99</c:f>
              <c:numCache>
                <c:formatCode>0%</c:formatCode>
                <c:ptCount val="15"/>
                <c:pt idx="0">
                  <c:v>0.30199999999999999</c:v>
                </c:pt>
                <c:pt idx="1">
                  <c:v>0.47099999999999997</c:v>
                </c:pt>
                <c:pt idx="3">
                  <c:v>0.92600000000000005</c:v>
                </c:pt>
                <c:pt idx="4">
                  <c:v>0.64200000000000002</c:v>
                </c:pt>
                <c:pt idx="5">
                  <c:v>0.78600000000000003</c:v>
                </c:pt>
                <c:pt idx="6">
                  <c:v>0.93799999999999994</c:v>
                </c:pt>
                <c:pt idx="7">
                  <c:v>0.995</c:v>
                </c:pt>
                <c:pt idx="8">
                  <c:v>0.438</c:v>
                </c:pt>
                <c:pt idx="9">
                  <c:v>0.93</c:v>
                </c:pt>
                <c:pt idx="10">
                  <c:v>0.96299999999999997</c:v>
                </c:pt>
                <c:pt idx="11">
                  <c:v>1</c:v>
                </c:pt>
                <c:pt idx="12">
                  <c:v>1</c:v>
                </c:pt>
                <c:pt idx="13">
                  <c:v>1</c:v>
                </c:pt>
                <c:pt idx="14">
                  <c:v>1</c:v>
                </c:pt>
              </c:numCache>
            </c:numRef>
          </c:val>
          <c:extLst>
            <c:ext xmlns:c16="http://schemas.microsoft.com/office/drawing/2014/chart" uri="{C3380CC4-5D6E-409C-BE32-E72D297353CC}">
              <c16:uniqueId val="{00000001-1369-47DD-96F9-184083BBD970}"/>
            </c:ext>
          </c:extLst>
        </c:ser>
        <c:dLbls>
          <c:dLblPos val="ctr"/>
          <c:showLegendKey val="0"/>
          <c:showVal val="1"/>
          <c:showCatName val="0"/>
          <c:showSerName val="0"/>
          <c:showPercent val="0"/>
          <c:showBubbleSize val="0"/>
        </c:dLbls>
        <c:gapWidth val="150"/>
        <c:overlap val="100"/>
        <c:axId val="-1628387760"/>
        <c:axId val="-1628399728"/>
      </c:barChart>
      <c:catAx>
        <c:axId val="-1628387760"/>
        <c:scaling>
          <c:orientation val="minMax"/>
        </c:scaling>
        <c:delete val="0"/>
        <c:axPos val="b"/>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628399728"/>
        <c:crosses val="autoZero"/>
        <c:auto val="1"/>
        <c:lblAlgn val="ctr"/>
        <c:lblOffset val="100"/>
        <c:noMultiLvlLbl val="0"/>
      </c:catAx>
      <c:valAx>
        <c:axId val="-1628399728"/>
        <c:scaling>
          <c:orientation val="minMax"/>
          <c:max val="2"/>
        </c:scaling>
        <c:delete val="0"/>
        <c:axPos val="l"/>
        <c:majorGridlines>
          <c:spPr>
            <a:ln w="9525" cap="flat" cmpd="sng" algn="ctr">
              <a:solidFill>
                <a:schemeClr val="tx2">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62838776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legend>
    <c:plotVisOnly val="1"/>
    <c:dispBlanksAs val="gap"/>
    <c:showDLblsOverMax val="0"/>
  </c:chart>
  <c:spPr>
    <a:noFill/>
    <a:ln>
      <a:noFill/>
    </a:ln>
    <a:effectLst/>
  </c:spPr>
  <c:txPr>
    <a:bodyPr/>
    <a:lstStyle/>
    <a:p>
      <a:pPr>
        <a:defRPr>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2000" b="1" i="0" u="none" strike="noStrike" kern="1200" baseline="0">
                <a:solidFill>
                  <a:schemeClr val="tx2"/>
                </a:solidFill>
                <a:latin typeface="Helvetica" panose="020B0604020202020204" pitchFamily="34" charset="0"/>
                <a:ea typeface="+mn-ea"/>
                <a:cs typeface="Helvetica" panose="020B0604020202020204" pitchFamily="34" charset="0"/>
              </a:defRPr>
            </a:pPr>
            <a:r>
              <a:rPr lang="en-US" sz="2000"/>
              <a:t>Primary school gross enrollment and completion rates</a:t>
            </a:r>
          </a:p>
        </c:rich>
      </c:tx>
      <c:overlay val="0"/>
      <c:spPr>
        <a:noFill/>
        <a:ln>
          <a:noFill/>
        </a:ln>
        <a:effectLst/>
      </c:spPr>
      <c:txPr>
        <a:bodyPr rot="0" spcFirstLastPara="1" vertOverflow="ellipsis" vert="horz" wrap="square" anchor="ctr" anchorCtr="1"/>
        <a:lstStyle/>
        <a:p>
          <a:pPr>
            <a:defRPr sz="2000" b="1"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title>
    <c:autoTitleDeleted val="0"/>
    <c:plotArea>
      <c:layout/>
      <c:barChart>
        <c:barDir val="bar"/>
        <c:grouping val="clustered"/>
        <c:varyColors val="0"/>
        <c:ser>
          <c:idx val="0"/>
          <c:order val="0"/>
          <c:tx>
            <c:strRef>
              <c:f>Sheet2!$S$3</c:f>
              <c:strCache>
                <c:ptCount val="1"/>
                <c:pt idx="0">
                  <c:v>Gross enrollment</c:v>
                </c:pt>
              </c:strCache>
            </c:strRef>
          </c:tx>
          <c:spPr>
            <a:gradFill rotWithShape="1">
              <a:gsLst>
                <a:gs pos="0">
                  <a:schemeClr val="accent4">
                    <a:tint val="65000"/>
                    <a:satMod val="103000"/>
                    <a:lumMod val="102000"/>
                    <a:tint val="94000"/>
                  </a:schemeClr>
                </a:gs>
                <a:gs pos="50000">
                  <a:schemeClr val="accent4">
                    <a:tint val="65000"/>
                    <a:satMod val="110000"/>
                    <a:lumMod val="100000"/>
                    <a:shade val="100000"/>
                  </a:schemeClr>
                </a:gs>
                <a:gs pos="100000">
                  <a:schemeClr val="accent4">
                    <a:tint val="65000"/>
                    <a:lumMod val="99000"/>
                    <a:satMod val="120000"/>
                    <a:shade val="78000"/>
                  </a:schemeClr>
                </a:gs>
              </a:gsLst>
              <a:lin ang="5400000" scaled="0"/>
            </a:gra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heet2!$R$4:$R$18</c:f>
              <c:strCache>
                <c:ptCount val="15"/>
                <c:pt idx="0">
                  <c:v>DRC</c:v>
                </c:pt>
                <c:pt idx="1">
                  <c:v>Philippines</c:v>
                </c:pt>
                <c:pt idx="2">
                  <c:v>Honduras</c:v>
                </c:pt>
                <c:pt idx="3">
                  <c:v>Indonesia</c:v>
                </c:pt>
                <c:pt idx="4">
                  <c:v>UK</c:v>
                </c:pt>
                <c:pt idx="5">
                  <c:v>Zimbabwe</c:v>
                </c:pt>
                <c:pt idx="6">
                  <c:v>Australia</c:v>
                </c:pt>
                <c:pt idx="7">
                  <c:v>Ethiopia</c:v>
                </c:pt>
                <c:pt idx="8">
                  <c:v>Canada</c:v>
                </c:pt>
                <c:pt idx="9">
                  <c:v>Chile</c:v>
                </c:pt>
                <c:pt idx="10">
                  <c:v>US</c:v>
                </c:pt>
                <c:pt idx="11">
                  <c:v>SouthKorea</c:v>
                </c:pt>
                <c:pt idx="12">
                  <c:v>Palestine</c:v>
                </c:pt>
                <c:pt idx="13">
                  <c:v>Tanzania</c:v>
                </c:pt>
                <c:pt idx="14">
                  <c:v>Nigeria</c:v>
                </c:pt>
              </c:strCache>
            </c:strRef>
          </c:cat>
          <c:val>
            <c:numRef>
              <c:f>Sheet2!$S$4:$S$18</c:f>
              <c:numCache>
                <c:formatCode>0%</c:formatCode>
                <c:ptCount val="15"/>
                <c:pt idx="0">
                  <c:v>1.371</c:v>
                </c:pt>
                <c:pt idx="1">
                  <c:v>1.1365000000000001</c:v>
                </c:pt>
                <c:pt idx="2">
                  <c:v>1.091</c:v>
                </c:pt>
                <c:pt idx="3">
                  <c:v>1.0905</c:v>
                </c:pt>
                <c:pt idx="4">
                  <c:v>1.0824</c:v>
                </c:pt>
                <c:pt idx="5">
                  <c:v>1.079</c:v>
                </c:pt>
                <c:pt idx="6">
                  <c:v>1.0656999999999999</c:v>
                </c:pt>
                <c:pt idx="7">
                  <c:v>1.0270000000000001</c:v>
                </c:pt>
                <c:pt idx="8">
                  <c:v>1.0057</c:v>
                </c:pt>
                <c:pt idx="9">
                  <c:v>1.0053000000000001</c:v>
                </c:pt>
                <c:pt idx="10">
                  <c:v>0.99419999999999997</c:v>
                </c:pt>
                <c:pt idx="11">
                  <c:v>0.99040000000000006</c:v>
                </c:pt>
                <c:pt idx="12">
                  <c:v>0.94200000000000006</c:v>
                </c:pt>
                <c:pt idx="13">
                  <c:v>0.93299999999999994</c:v>
                </c:pt>
                <c:pt idx="14">
                  <c:v>0.873</c:v>
                </c:pt>
              </c:numCache>
            </c:numRef>
          </c:val>
          <c:extLst>
            <c:ext xmlns:c16="http://schemas.microsoft.com/office/drawing/2014/chart" uri="{C3380CC4-5D6E-409C-BE32-E72D297353CC}">
              <c16:uniqueId val="{00000000-000A-4BF9-9FD7-340E331BAA43}"/>
            </c:ext>
          </c:extLst>
        </c:ser>
        <c:ser>
          <c:idx val="2"/>
          <c:order val="1"/>
          <c:tx>
            <c:strRef>
              <c:f>Sheet2!$T$3</c:f>
              <c:strCache>
                <c:ptCount val="1"/>
                <c:pt idx="0">
                  <c:v>Completion</c:v>
                </c:pt>
              </c:strCache>
            </c:strRef>
          </c:tx>
          <c:spPr>
            <a:gradFill rotWithShape="1">
              <a:gsLst>
                <a:gs pos="0">
                  <a:schemeClr val="accent4">
                    <a:shade val="65000"/>
                    <a:satMod val="103000"/>
                    <a:lumMod val="102000"/>
                    <a:tint val="94000"/>
                  </a:schemeClr>
                </a:gs>
                <a:gs pos="50000">
                  <a:schemeClr val="accent4">
                    <a:shade val="65000"/>
                    <a:satMod val="110000"/>
                    <a:lumMod val="100000"/>
                    <a:shade val="100000"/>
                  </a:schemeClr>
                </a:gs>
                <a:gs pos="100000">
                  <a:schemeClr val="accent4">
                    <a:shade val="65000"/>
                    <a:lumMod val="99000"/>
                    <a:satMod val="120000"/>
                    <a:shade val="78000"/>
                  </a:schemeClr>
                </a:gs>
              </a:gsLst>
              <a:lin ang="5400000" scaled="0"/>
            </a:gra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Sheet2!$R$4:$R$18</c:f>
              <c:strCache>
                <c:ptCount val="15"/>
                <c:pt idx="0">
                  <c:v>DRC</c:v>
                </c:pt>
                <c:pt idx="1">
                  <c:v>Philippines</c:v>
                </c:pt>
                <c:pt idx="2">
                  <c:v>Honduras</c:v>
                </c:pt>
                <c:pt idx="3">
                  <c:v>Indonesia</c:v>
                </c:pt>
                <c:pt idx="4">
                  <c:v>UK</c:v>
                </c:pt>
                <c:pt idx="5">
                  <c:v>Zimbabwe</c:v>
                </c:pt>
                <c:pt idx="6">
                  <c:v>Australia</c:v>
                </c:pt>
                <c:pt idx="7">
                  <c:v>Ethiopia</c:v>
                </c:pt>
                <c:pt idx="8">
                  <c:v>Canada</c:v>
                </c:pt>
                <c:pt idx="9">
                  <c:v>Chile</c:v>
                </c:pt>
                <c:pt idx="10">
                  <c:v>US</c:v>
                </c:pt>
                <c:pt idx="11">
                  <c:v>SouthKorea</c:v>
                </c:pt>
                <c:pt idx="12">
                  <c:v>Palestine</c:v>
                </c:pt>
                <c:pt idx="13">
                  <c:v>Tanzania</c:v>
                </c:pt>
                <c:pt idx="14">
                  <c:v>Nigeria</c:v>
                </c:pt>
              </c:strCache>
            </c:strRef>
          </c:cat>
          <c:val>
            <c:numRef>
              <c:f>Sheet2!$T$4:$T$18</c:f>
              <c:numCache>
                <c:formatCode>0%</c:formatCode>
                <c:ptCount val="15"/>
                <c:pt idx="0">
                  <c:v>0.69099999999999995</c:v>
                </c:pt>
                <c:pt idx="1">
                  <c:v>0.73699999999999999</c:v>
                </c:pt>
                <c:pt idx="2">
                  <c:v>0.83</c:v>
                </c:pt>
                <c:pt idx="3">
                  <c:v>0.997</c:v>
                </c:pt>
                <c:pt idx="5">
                  <c:v>0.77249999999999996</c:v>
                </c:pt>
                <c:pt idx="7">
                  <c:v>0.51300000000000001</c:v>
                </c:pt>
                <c:pt idx="9">
                  <c:v>0.96310000000000007</c:v>
                </c:pt>
                <c:pt idx="10">
                  <c:v>0.95499999999999996</c:v>
                </c:pt>
                <c:pt idx="11">
                  <c:v>0.99959999999999993</c:v>
                </c:pt>
                <c:pt idx="12">
                  <c:v>0.88099999999999989</c:v>
                </c:pt>
                <c:pt idx="13">
                  <c:v>0.80200000000000005</c:v>
                </c:pt>
                <c:pt idx="14">
                  <c:v>0.74400000000000011</c:v>
                </c:pt>
              </c:numCache>
            </c:numRef>
          </c:val>
          <c:extLst>
            <c:ext xmlns:c16="http://schemas.microsoft.com/office/drawing/2014/chart" uri="{C3380CC4-5D6E-409C-BE32-E72D297353CC}">
              <c16:uniqueId val="{00000001-000A-4BF9-9FD7-340E331BAA43}"/>
            </c:ext>
          </c:extLst>
        </c:ser>
        <c:dLbls>
          <c:dLblPos val="outEnd"/>
          <c:showLegendKey val="0"/>
          <c:showVal val="1"/>
          <c:showCatName val="0"/>
          <c:showSerName val="0"/>
          <c:showPercent val="0"/>
          <c:showBubbleSize val="0"/>
        </c:dLbls>
        <c:gapWidth val="100"/>
        <c:axId val="-1418535872"/>
        <c:axId val="-1418515744"/>
      </c:barChart>
      <c:catAx>
        <c:axId val="-1418535872"/>
        <c:scaling>
          <c:orientation val="minMax"/>
        </c:scaling>
        <c:delete val="0"/>
        <c:axPos val="l"/>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418515744"/>
        <c:crosses val="autoZero"/>
        <c:auto val="1"/>
        <c:lblAlgn val="ctr"/>
        <c:lblOffset val="100"/>
        <c:noMultiLvlLbl val="0"/>
      </c:catAx>
      <c:valAx>
        <c:axId val="-1418515744"/>
        <c:scaling>
          <c:orientation val="minMax"/>
          <c:max val="1.4"/>
        </c:scaling>
        <c:delete val="0"/>
        <c:axPos val="b"/>
        <c:majorGridlines>
          <c:spPr>
            <a:ln w="9525" cap="flat" cmpd="sng" algn="ctr">
              <a:solidFill>
                <a:schemeClr val="tx2">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141853587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legend>
    <c:plotVisOnly val="1"/>
    <c:dispBlanksAs val="gap"/>
    <c:showDLblsOverMax val="0"/>
  </c:chart>
  <c:spPr>
    <a:noFill/>
    <a:ln>
      <a:noFill/>
    </a:ln>
    <a:effectLst/>
  </c:spPr>
  <c:txPr>
    <a:bodyPr/>
    <a:lstStyle/>
    <a:p>
      <a:pPr>
        <a:defRPr>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overlay val="0"/>
      <c:spPr>
        <a:noFill/>
        <a:ln>
          <a:noFill/>
        </a:ln>
        <a:effectLst/>
      </c:spPr>
      <c:txPr>
        <a:bodyPr rot="0" spcFirstLastPara="1" vertOverflow="ellipsis" vert="horz" wrap="square" anchor="ctr" anchorCtr="1"/>
        <a:lstStyle/>
        <a:p>
          <a:pPr>
            <a:defRPr sz="2128" b="1"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title>
    <c:autoTitleDeleted val="0"/>
    <c:plotArea>
      <c:layout/>
      <c:barChart>
        <c:barDir val="bar"/>
        <c:grouping val="clustered"/>
        <c:varyColors val="0"/>
        <c:ser>
          <c:idx val="0"/>
          <c:order val="0"/>
          <c:tx>
            <c:strRef>
              <c:f>'SDG4'!$AZ$1</c:f>
              <c:strCache>
                <c:ptCount val="1"/>
                <c:pt idx="0">
                  <c:v>Net primary school enrollment gender parity</c:v>
                </c:pt>
              </c:strCache>
            </c:strRef>
          </c:tx>
          <c:spPr>
            <a:gradFill rotWithShape="1">
              <a:gsLst>
                <a:gs pos="0">
                  <a:schemeClr val="accent4">
                    <a:satMod val="103000"/>
                    <a:lumMod val="102000"/>
                    <a:tint val="94000"/>
                  </a:schemeClr>
                </a:gs>
                <a:gs pos="50000">
                  <a:schemeClr val="accent4">
                    <a:satMod val="110000"/>
                    <a:lumMod val="100000"/>
                    <a:shade val="100000"/>
                  </a:schemeClr>
                </a:gs>
                <a:gs pos="100000">
                  <a:schemeClr val="accent4">
                    <a:lumMod val="99000"/>
                    <a:satMod val="120000"/>
                    <a:shade val="78000"/>
                  </a:schemeClr>
                </a:gs>
              </a:gsLst>
              <a:lin ang="5400000" scaled="0"/>
            </a:gradFill>
            <a:ln>
              <a:noFill/>
            </a:ln>
            <a:effectLst/>
          </c:spPr>
          <c:invertIfNegative val="0"/>
          <c:dLbls>
            <c:dLbl>
              <c:idx val="0"/>
              <c:tx>
                <c:rich>
                  <a:bodyPr/>
                  <a:lstStyle/>
                  <a:p>
                    <a:fld id="{223D89CD-0132-45A8-9597-F0D8E3300A30}"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ED1C-4942-B759-27B5D543AA6A}"/>
                </c:ext>
              </c:extLst>
            </c:dLbl>
            <c:dLbl>
              <c:idx val="1"/>
              <c:tx>
                <c:rich>
                  <a:bodyPr/>
                  <a:lstStyle/>
                  <a:p>
                    <a:fld id="{833BC3AC-F696-4755-82ED-11B0104266EF}"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ED1C-4942-B759-27B5D543AA6A}"/>
                </c:ext>
              </c:extLst>
            </c:dLbl>
            <c:dLbl>
              <c:idx val="2"/>
              <c:tx>
                <c:rich>
                  <a:bodyPr/>
                  <a:lstStyle/>
                  <a:p>
                    <a:fld id="{2DFF1D78-AC4A-42DD-A699-C352FDE3722A}"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ED1C-4942-B759-27B5D543AA6A}"/>
                </c:ext>
              </c:extLst>
            </c:dLbl>
            <c:dLbl>
              <c:idx val="3"/>
              <c:tx>
                <c:rich>
                  <a:bodyPr/>
                  <a:lstStyle/>
                  <a:p>
                    <a:fld id="{A13AA980-881B-4E8A-9092-8EA4234D7AEB}"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ED1C-4942-B759-27B5D543AA6A}"/>
                </c:ext>
              </c:extLst>
            </c:dLbl>
            <c:dLbl>
              <c:idx val="4"/>
              <c:tx>
                <c:rich>
                  <a:bodyPr/>
                  <a:lstStyle/>
                  <a:p>
                    <a:fld id="{9E2E1E4E-6A09-417A-AD64-DE9068A995DB}"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ED1C-4942-B759-27B5D543AA6A}"/>
                </c:ext>
              </c:extLst>
            </c:dLbl>
            <c:dLbl>
              <c:idx val="5"/>
              <c:tx>
                <c:rich>
                  <a:bodyPr/>
                  <a:lstStyle/>
                  <a:p>
                    <a:fld id="{4D107A83-B7C1-4422-A382-6CEA1BB876AF}"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ED1C-4942-B759-27B5D543AA6A}"/>
                </c:ext>
              </c:extLst>
            </c:dLbl>
            <c:dLbl>
              <c:idx val="6"/>
              <c:tx>
                <c:rich>
                  <a:bodyPr/>
                  <a:lstStyle/>
                  <a:p>
                    <a:fld id="{77BBD59A-9634-4090-8DB1-E3BAF6F86114}"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ED1C-4942-B759-27B5D543AA6A}"/>
                </c:ext>
              </c:extLst>
            </c:dLbl>
            <c:dLbl>
              <c:idx val="7"/>
              <c:tx>
                <c:rich>
                  <a:bodyPr/>
                  <a:lstStyle/>
                  <a:p>
                    <a:fld id="{AA4CF2A4-9796-468A-A787-396090D06294}"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ED1C-4942-B759-27B5D543AA6A}"/>
                </c:ext>
              </c:extLst>
            </c:dLbl>
            <c:dLbl>
              <c:idx val="8"/>
              <c:tx>
                <c:rich>
                  <a:bodyPr/>
                  <a:lstStyle/>
                  <a:p>
                    <a:fld id="{B58E3330-75B6-40DA-895A-16916ABF6C9A}"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ED1C-4942-B759-27B5D543AA6A}"/>
                </c:ext>
              </c:extLst>
            </c:dLbl>
            <c:dLbl>
              <c:idx val="9"/>
              <c:tx>
                <c:rich>
                  <a:bodyPr/>
                  <a:lstStyle/>
                  <a:p>
                    <a:fld id="{26BBA5E4-685E-4826-B3FD-9A0116278D59}"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ED1C-4942-B759-27B5D543AA6A}"/>
                </c:ext>
              </c:extLst>
            </c:dLbl>
            <c:dLbl>
              <c:idx val="10"/>
              <c:tx>
                <c:rich>
                  <a:bodyPr/>
                  <a:lstStyle/>
                  <a:p>
                    <a:fld id="{47D6E369-77F3-4D0E-B9D3-1624AB860EE6}"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ED1C-4942-B759-27B5D543AA6A}"/>
                </c:ext>
              </c:extLst>
            </c:dLbl>
            <c:dLbl>
              <c:idx val="11"/>
              <c:tx>
                <c:rich>
                  <a:bodyPr/>
                  <a:lstStyle/>
                  <a:p>
                    <a:fld id="{DA26903B-E75F-444A-8C72-EAD5FAF9A113}"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ED1C-4942-B759-27B5D543AA6A}"/>
                </c:ext>
              </c:extLst>
            </c:dLbl>
            <c:dLbl>
              <c:idx val="12"/>
              <c:tx>
                <c:rich>
                  <a:bodyPr/>
                  <a:lstStyle/>
                  <a:p>
                    <a:fld id="{F1F72FA4-8FD2-4619-A260-EDE2D75BD29A}" type="CELLRANGE">
                      <a:rPr lang="en-US"/>
                      <a:pPr/>
                      <a:t>[CELLRANGE]</a:t>
                    </a:fld>
                    <a:endParaRPr lang="en-US"/>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ED1C-4942-B759-27B5D543AA6A}"/>
                </c:ext>
              </c:extLst>
            </c:dLbl>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a:solidFill>
                        <a:schemeClr val="tx2">
                          <a:lumMod val="35000"/>
                          <a:lumOff val="65000"/>
                        </a:schemeClr>
                      </a:solidFill>
                    </a:ln>
                    <a:effectLst/>
                  </c:spPr>
                </c15:leaderLines>
              </c:ext>
            </c:extLst>
          </c:dLbls>
          <c:cat>
            <c:strRef>
              <c:f>'SDG4'!$AY$2:$AY$14</c:f>
              <c:strCache>
                <c:ptCount val="13"/>
                <c:pt idx="0">
                  <c:v>Philippines</c:v>
                </c:pt>
                <c:pt idx="1">
                  <c:v>Honduras</c:v>
                </c:pt>
                <c:pt idx="2">
                  <c:v>Zimbabwe</c:v>
                </c:pt>
                <c:pt idx="3">
                  <c:v>Australia</c:v>
                </c:pt>
                <c:pt idx="4">
                  <c:v>Canada</c:v>
                </c:pt>
                <c:pt idx="5">
                  <c:v>Chile</c:v>
                </c:pt>
                <c:pt idx="6">
                  <c:v>UK</c:v>
                </c:pt>
                <c:pt idx="7">
                  <c:v>U.S.</c:v>
                </c:pt>
                <c:pt idx="8">
                  <c:v>South Korea</c:v>
                </c:pt>
                <c:pt idx="9">
                  <c:v>Nigeria</c:v>
                </c:pt>
                <c:pt idx="10">
                  <c:v>Ethiopia</c:v>
                </c:pt>
                <c:pt idx="11">
                  <c:v>DRC</c:v>
                </c:pt>
                <c:pt idx="12">
                  <c:v>Tanzania</c:v>
                </c:pt>
              </c:strCache>
            </c:strRef>
          </c:cat>
          <c:val>
            <c:numRef>
              <c:f>'SDG4'!$AZ$2:$AZ$14</c:f>
              <c:numCache>
                <c:formatCode>0.00</c:formatCode>
                <c:ptCount val="13"/>
                <c:pt idx="0">
                  <c:v>-2.200000000000002E-2</c:v>
                </c:pt>
                <c:pt idx="1">
                  <c:v>-1.089999999999991E-2</c:v>
                </c:pt>
                <c:pt idx="2">
                  <c:v>-6.0000000000000053E-3</c:v>
                </c:pt>
                <c:pt idx="3">
                  <c:v>-2.9999999999998916E-3</c:v>
                </c:pt>
                <c:pt idx="4">
                  <c:v>-9.9999999999988987E-4</c:v>
                </c:pt>
                <c:pt idx="5">
                  <c:v>2.0000000000000018E-3</c:v>
                </c:pt>
                <c:pt idx="6">
                  <c:v>2.0000000000000018E-3</c:v>
                </c:pt>
                <c:pt idx="7">
                  <c:v>4.0000000000000036E-3</c:v>
                </c:pt>
                <c:pt idx="8">
                  <c:v>7.0000000000000062E-3</c:v>
                </c:pt>
                <c:pt idx="9">
                  <c:v>3.6000000000000032E-2</c:v>
                </c:pt>
                <c:pt idx="10">
                  <c:v>6.7999999999999949E-2</c:v>
                </c:pt>
                <c:pt idx="11">
                  <c:v>8.7999999999999967E-2</c:v>
                </c:pt>
                <c:pt idx="12">
                  <c:v>8.9500000000000024E-2</c:v>
                </c:pt>
              </c:numCache>
            </c:numRef>
          </c:val>
          <c:extLst>
            <c:ext xmlns:c15="http://schemas.microsoft.com/office/drawing/2012/chart" uri="{02D57815-91ED-43cb-92C2-25804820EDAC}">
              <c15:datalabelsRange>
                <c15:f>'SDG4'!$AY$2:$AY$14</c15:f>
                <c15:dlblRangeCache>
                  <c:ptCount val="13"/>
                  <c:pt idx="0">
                    <c:v>Philippines</c:v>
                  </c:pt>
                  <c:pt idx="1">
                    <c:v>Honduras</c:v>
                  </c:pt>
                  <c:pt idx="2">
                    <c:v>Zimbabwe</c:v>
                  </c:pt>
                  <c:pt idx="3">
                    <c:v>Australia</c:v>
                  </c:pt>
                  <c:pt idx="4">
                    <c:v>Canada</c:v>
                  </c:pt>
                  <c:pt idx="5">
                    <c:v>Chile</c:v>
                  </c:pt>
                  <c:pt idx="6">
                    <c:v>UK</c:v>
                  </c:pt>
                  <c:pt idx="7">
                    <c:v>U.S.</c:v>
                  </c:pt>
                  <c:pt idx="8">
                    <c:v>South Korea</c:v>
                  </c:pt>
                  <c:pt idx="9">
                    <c:v>Nigeria</c:v>
                  </c:pt>
                  <c:pt idx="10">
                    <c:v>Ethiopia</c:v>
                  </c:pt>
                  <c:pt idx="11">
                    <c:v>DRC</c:v>
                  </c:pt>
                  <c:pt idx="12">
                    <c:v>Tanzania</c:v>
                  </c:pt>
                </c15:dlblRangeCache>
              </c15:datalabelsRange>
            </c:ext>
            <c:ext xmlns:c16="http://schemas.microsoft.com/office/drawing/2014/chart" uri="{C3380CC4-5D6E-409C-BE32-E72D297353CC}">
              <c16:uniqueId val="{0000000D-ED1C-4942-B759-27B5D543AA6A}"/>
            </c:ext>
          </c:extLst>
        </c:ser>
        <c:dLbls>
          <c:dLblPos val="outEnd"/>
          <c:showLegendKey val="0"/>
          <c:showVal val="1"/>
          <c:showCatName val="0"/>
          <c:showSerName val="0"/>
          <c:showPercent val="0"/>
          <c:showBubbleSize val="0"/>
        </c:dLbls>
        <c:gapWidth val="100"/>
        <c:axId val="802050456"/>
        <c:axId val="802054720"/>
      </c:barChart>
      <c:catAx>
        <c:axId val="802050456"/>
        <c:scaling>
          <c:orientation val="minMax"/>
        </c:scaling>
        <c:delete val="1"/>
        <c:axPos val="l"/>
        <c:numFmt formatCode="General" sourceLinked="1"/>
        <c:majorTickMark val="none"/>
        <c:minorTickMark val="none"/>
        <c:tickLblPos val="nextTo"/>
        <c:crossAx val="802054720"/>
        <c:crosses val="autoZero"/>
        <c:auto val="1"/>
        <c:lblAlgn val="ctr"/>
        <c:lblOffset val="100"/>
        <c:noMultiLvlLbl val="0"/>
      </c:catAx>
      <c:valAx>
        <c:axId val="802054720"/>
        <c:scaling>
          <c:orientation val="minMax"/>
        </c:scaling>
        <c:delete val="0"/>
        <c:axPos val="b"/>
        <c:majorGridlines>
          <c:spPr>
            <a:ln w="9525" cap="flat" cmpd="sng" algn="ctr">
              <a:solidFill>
                <a:schemeClr val="tx2">
                  <a:lumMod val="15000"/>
                  <a:lumOff val="85000"/>
                </a:schemeClr>
              </a:solidFill>
              <a:round/>
            </a:ln>
            <a:effectLst/>
          </c:spPr>
        </c:majorGridlines>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2"/>
                </a:solidFill>
                <a:latin typeface="Helvetica" panose="020B0604020202020204" pitchFamily="34" charset="0"/>
                <a:ea typeface="+mn-ea"/>
                <a:cs typeface="Helvetica" panose="020B0604020202020204" pitchFamily="34" charset="0"/>
              </a:defRPr>
            </a:pPr>
            <a:endParaRPr lang="en-US"/>
          </a:p>
        </c:txPr>
        <c:crossAx val="802050456"/>
        <c:crosses val="autoZero"/>
        <c:crossBetween val="between"/>
      </c:valAx>
      <c:spPr>
        <a:noFill/>
        <a:ln>
          <a:noFill/>
        </a:ln>
        <a:effectLst/>
      </c:spPr>
    </c:plotArea>
    <c:plotVisOnly val="1"/>
    <c:dispBlanksAs val="gap"/>
    <c:showDLblsOverMax val="0"/>
  </c:chart>
  <c:spPr>
    <a:noFill/>
    <a:ln>
      <a:noFill/>
    </a:ln>
    <a:effectLst/>
  </c:spPr>
  <c:txPr>
    <a:bodyPr/>
    <a:lstStyle/>
    <a:p>
      <a:pPr>
        <a:defRPr>
          <a:latin typeface="Helvetica" panose="020B0604020202020204" pitchFamily="34" charset="0"/>
          <a:cs typeface="Helvetica" panose="020B0604020202020204" pitchFamily="34" charset="0"/>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7"/>
    </mc:Choice>
    <mc:Fallback>
      <c:style val="7"/>
    </mc:Fallback>
  </mc:AlternateContent>
  <c:chart>
    <c:title>
      <c:tx>
        <c:rich>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r>
              <a:rPr lang="en-US" sz="1600"/>
              <a:t>Percentage of children not taught in their mother tongue</a:t>
            </a:r>
          </a:p>
        </c:rich>
      </c:tx>
      <c:layout>
        <c:manualLayout>
          <c:xMode val="edge"/>
          <c:yMode val="edge"/>
          <c:x val="0.13063325428393879"/>
          <c:y val="1.4913762009035399E-4"/>
        </c:manualLayout>
      </c:layout>
      <c:overlay val="0"/>
      <c:spPr>
        <a:noFill/>
        <a:ln>
          <a:noFill/>
        </a:ln>
        <a:effectLst/>
      </c:spPr>
      <c:txPr>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endParaRPr lang="en-US"/>
        </a:p>
      </c:txPr>
    </c:title>
    <c:autoTitleDeleted val="0"/>
    <c:plotArea>
      <c:layout>
        <c:manualLayout>
          <c:layoutTarget val="inner"/>
          <c:xMode val="edge"/>
          <c:yMode val="edge"/>
          <c:x val="4.4943820224719105E-3"/>
          <c:y val="0.15810200594288282"/>
          <c:w val="0.96704119850187265"/>
          <c:h val="0.70384096399876506"/>
        </c:manualLayout>
      </c:layout>
      <c:barChart>
        <c:barDir val="bar"/>
        <c:grouping val="clustered"/>
        <c:varyColors val="0"/>
        <c:ser>
          <c:idx val="0"/>
          <c:order val="0"/>
          <c:tx>
            <c:strRef>
              <c:f>'Adaptability visual ideas'!$K$22</c:f>
              <c:strCache>
                <c:ptCount val="1"/>
                <c:pt idx="0">
                  <c:v>Primary</c:v>
                </c:pt>
              </c:strCache>
            </c:strRef>
          </c:tx>
          <c:spPr>
            <a:gradFill rotWithShape="1">
              <a:gsLst>
                <a:gs pos="0">
                  <a:schemeClr val="accent5">
                    <a:shade val="76000"/>
                    <a:satMod val="103000"/>
                    <a:lumMod val="102000"/>
                    <a:tint val="94000"/>
                  </a:schemeClr>
                </a:gs>
                <a:gs pos="50000">
                  <a:schemeClr val="accent5">
                    <a:shade val="76000"/>
                    <a:satMod val="110000"/>
                    <a:lumMod val="100000"/>
                    <a:shade val="100000"/>
                  </a:schemeClr>
                </a:gs>
                <a:gs pos="100000">
                  <a:schemeClr val="accent5">
                    <a:shade val="76000"/>
                    <a:lumMod val="99000"/>
                    <a:satMod val="120000"/>
                    <a:shade val="78000"/>
                  </a:schemeClr>
                </a:gs>
              </a:gsLst>
              <a:lin ang="5400000" scaled="0"/>
            </a:gradFill>
            <a:ln>
              <a:noFill/>
            </a:ln>
            <a:effectLst/>
          </c:spPr>
          <c:invertIfNegative val="0"/>
          <c:dLbls>
            <c:spPr>
              <a:noFill/>
              <a:ln>
                <a:noFill/>
              </a:ln>
              <a:effectLst/>
            </c:spPr>
            <c:txPr>
              <a:bodyPr rot="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Adaptability visual ideas'!$J$23:$J$32</c:f>
              <c:strCache>
                <c:ptCount val="10"/>
                <c:pt idx="0">
                  <c:v>DRC</c:v>
                </c:pt>
                <c:pt idx="1">
                  <c:v>Tanzania</c:v>
                </c:pt>
                <c:pt idx="2">
                  <c:v>Chile</c:v>
                </c:pt>
                <c:pt idx="3">
                  <c:v>Australia</c:v>
                </c:pt>
                <c:pt idx="4">
                  <c:v>UK</c:v>
                </c:pt>
                <c:pt idx="5">
                  <c:v>Canada</c:v>
                </c:pt>
                <c:pt idx="6">
                  <c:v>US</c:v>
                </c:pt>
                <c:pt idx="7">
                  <c:v>Honduras</c:v>
                </c:pt>
                <c:pt idx="8">
                  <c:v>SouthKorea</c:v>
                </c:pt>
                <c:pt idx="9">
                  <c:v>Nigeria</c:v>
                </c:pt>
              </c:strCache>
            </c:strRef>
          </c:cat>
          <c:val>
            <c:numRef>
              <c:f>'Adaptability visual ideas'!$K$23:$K$32</c:f>
              <c:numCache>
                <c:formatCode>0%</c:formatCode>
                <c:ptCount val="10"/>
                <c:pt idx="1">
                  <c:v>0.01</c:v>
                </c:pt>
                <c:pt idx="2">
                  <c:v>0.4</c:v>
                </c:pt>
                <c:pt idx="3">
                  <c:v>0.29399999999999998</c:v>
                </c:pt>
                <c:pt idx="4">
                  <c:v>0.20100000000000001</c:v>
                </c:pt>
                <c:pt idx="5">
                  <c:v>0.13400000000000001</c:v>
                </c:pt>
                <c:pt idx="6">
                  <c:v>0.129</c:v>
                </c:pt>
                <c:pt idx="7">
                  <c:v>3.5400000000000001E-2</c:v>
                </c:pt>
                <c:pt idx="8">
                  <c:v>0.01</c:v>
                </c:pt>
                <c:pt idx="9">
                  <c:v>7.8E-2</c:v>
                </c:pt>
              </c:numCache>
            </c:numRef>
          </c:val>
          <c:extLst>
            <c:ext xmlns:c16="http://schemas.microsoft.com/office/drawing/2014/chart" uri="{C3380CC4-5D6E-409C-BE32-E72D297353CC}">
              <c16:uniqueId val="{00000000-5C37-45EC-A227-60E08876E756}"/>
            </c:ext>
          </c:extLst>
        </c:ser>
        <c:ser>
          <c:idx val="1"/>
          <c:order val="1"/>
          <c:tx>
            <c:strRef>
              <c:f>'Adaptability visual ideas'!$L$22</c:f>
              <c:strCache>
                <c:ptCount val="1"/>
                <c:pt idx="0">
                  <c:v>Secondary</c:v>
                </c:pt>
              </c:strCache>
            </c:strRef>
          </c:tx>
          <c:spPr>
            <a:gradFill rotWithShape="1">
              <a:gsLst>
                <a:gs pos="0">
                  <a:schemeClr val="accent5">
                    <a:tint val="77000"/>
                    <a:satMod val="103000"/>
                    <a:lumMod val="102000"/>
                    <a:tint val="94000"/>
                  </a:schemeClr>
                </a:gs>
                <a:gs pos="50000">
                  <a:schemeClr val="accent5">
                    <a:tint val="77000"/>
                    <a:satMod val="110000"/>
                    <a:lumMod val="100000"/>
                    <a:shade val="100000"/>
                  </a:schemeClr>
                </a:gs>
                <a:gs pos="100000">
                  <a:schemeClr val="accent5">
                    <a:tint val="77000"/>
                    <a:lumMod val="99000"/>
                    <a:satMod val="120000"/>
                    <a:shade val="78000"/>
                  </a:schemeClr>
                </a:gs>
              </a:gsLst>
              <a:lin ang="5400000" scaled="0"/>
            </a:gradFill>
            <a:ln>
              <a:noFill/>
            </a:ln>
            <a:effectLst/>
          </c:spPr>
          <c:invertIfNegative val="0"/>
          <c:dLbls>
            <c:spPr>
              <a:noFill/>
              <a:ln>
                <a:noFill/>
              </a:ln>
              <a:effectLst/>
            </c:spPr>
            <c:txPr>
              <a:bodyPr rot="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Adaptability visual ideas'!$J$23:$J$32</c:f>
              <c:strCache>
                <c:ptCount val="10"/>
                <c:pt idx="0">
                  <c:v>DRC</c:v>
                </c:pt>
                <c:pt idx="1">
                  <c:v>Tanzania</c:v>
                </c:pt>
                <c:pt idx="2">
                  <c:v>Chile</c:v>
                </c:pt>
                <c:pt idx="3">
                  <c:v>Australia</c:v>
                </c:pt>
                <c:pt idx="4">
                  <c:v>UK</c:v>
                </c:pt>
                <c:pt idx="5">
                  <c:v>Canada</c:v>
                </c:pt>
                <c:pt idx="6">
                  <c:v>US</c:v>
                </c:pt>
                <c:pt idx="7">
                  <c:v>Honduras</c:v>
                </c:pt>
                <c:pt idx="8">
                  <c:v>SouthKorea</c:v>
                </c:pt>
                <c:pt idx="9">
                  <c:v>Nigeria</c:v>
                </c:pt>
              </c:strCache>
            </c:strRef>
          </c:cat>
          <c:val>
            <c:numRef>
              <c:f>'Adaptability visual ideas'!$L$23:$L$32</c:f>
              <c:numCache>
                <c:formatCode>0%</c:formatCode>
                <c:ptCount val="10"/>
                <c:pt idx="0">
                  <c:v>1</c:v>
                </c:pt>
                <c:pt idx="1">
                  <c:v>0.99</c:v>
                </c:pt>
                <c:pt idx="2">
                  <c:v>0.4</c:v>
                </c:pt>
                <c:pt idx="3">
                  <c:v>0.29399999999999998</c:v>
                </c:pt>
                <c:pt idx="4">
                  <c:v>0.157</c:v>
                </c:pt>
                <c:pt idx="5">
                  <c:v>0.13400000000000001</c:v>
                </c:pt>
                <c:pt idx="6">
                  <c:v>0.129</c:v>
                </c:pt>
                <c:pt idx="7">
                  <c:v>3.5400000000000001E-2</c:v>
                </c:pt>
                <c:pt idx="8">
                  <c:v>0.01</c:v>
                </c:pt>
              </c:numCache>
            </c:numRef>
          </c:val>
          <c:extLst>
            <c:ext xmlns:c16="http://schemas.microsoft.com/office/drawing/2014/chart" uri="{C3380CC4-5D6E-409C-BE32-E72D297353CC}">
              <c16:uniqueId val="{00000001-5C37-45EC-A227-60E08876E756}"/>
            </c:ext>
          </c:extLst>
        </c:ser>
        <c:dLbls>
          <c:dLblPos val="inEnd"/>
          <c:showLegendKey val="0"/>
          <c:showVal val="1"/>
          <c:showCatName val="0"/>
          <c:showSerName val="0"/>
          <c:showPercent val="0"/>
          <c:showBubbleSize val="0"/>
        </c:dLbls>
        <c:gapWidth val="100"/>
        <c:axId val="-1621798048"/>
        <c:axId val="-1621798592"/>
      </c:barChart>
      <c:catAx>
        <c:axId val="-1621798048"/>
        <c:scaling>
          <c:orientation val="minMax"/>
        </c:scaling>
        <c:delete val="0"/>
        <c:axPos val="l"/>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en-US"/>
          </a:p>
        </c:txPr>
        <c:crossAx val="-1621798592"/>
        <c:crosses val="autoZero"/>
        <c:auto val="1"/>
        <c:lblAlgn val="ctr"/>
        <c:lblOffset val="100"/>
        <c:noMultiLvlLbl val="0"/>
      </c:catAx>
      <c:valAx>
        <c:axId val="-1621798592"/>
        <c:scaling>
          <c:orientation val="minMax"/>
          <c:max val="1"/>
        </c:scaling>
        <c:delete val="0"/>
        <c:axPos val="b"/>
        <c:majorGridlines>
          <c:spPr>
            <a:ln w="9525" cap="flat" cmpd="sng" algn="ctr">
              <a:solidFill>
                <a:schemeClr val="tx2">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en-US"/>
          </a:p>
        </c:txPr>
        <c:crossAx val="-1621798048"/>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en-US"/>
        </a:p>
      </c:txPr>
    </c:legend>
    <c:plotVisOnly val="1"/>
    <c:dispBlanksAs val="gap"/>
    <c:showDLblsOverMax val="0"/>
  </c:chart>
  <c:spPr>
    <a:noFill/>
    <a:ln>
      <a:noFill/>
    </a:ln>
    <a:effectLst/>
  </c:spPr>
  <c:txPr>
    <a:bodyPr/>
    <a:lstStyle/>
    <a:p>
      <a:pPr>
        <a:defRPr sz="1100"/>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r>
              <a:rPr lang="en-US" sz="1600"/>
              <a:t>Child marriage and child labor rates (percentages)</a:t>
            </a:r>
          </a:p>
        </c:rich>
      </c:tx>
      <c:overlay val="0"/>
      <c:spPr>
        <a:noFill/>
        <a:ln>
          <a:noFill/>
        </a:ln>
        <a:effectLst/>
      </c:spPr>
      <c:txPr>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endParaRPr lang="en-US"/>
        </a:p>
      </c:txPr>
    </c:title>
    <c:autoTitleDeleted val="0"/>
    <c:plotArea>
      <c:layout/>
      <c:barChart>
        <c:barDir val="bar"/>
        <c:grouping val="clustered"/>
        <c:varyColors val="0"/>
        <c:ser>
          <c:idx val="0"/>
          <c:order val="0"/>
          <c:tx>
            <c:strRef>
              <c:f>'Child marriage and child labor'!$B$1</c:f>
              <c:strCache>
                <c:ptCount val="1"/>
                <c:pt idx="0">
                  <c:v>Child marriage</c:v>
                </c:pt>
              </c:strCache>
            </c:strRef>
          </c:tx>
          <c:spPr>
            <a:gradFill rotWithShape="1">
              <a:gsLst>
                <a:gs pos="0">
                  <a:schemeClr val="accent4">
                    <a:shade val="76000"/>
                    <a:satMod val="103000"/>
                    <a:lumMod val="102000"/>
                    <a:tint val="94000"/>
                  </a:schemeClr>
                </a:gs>
                <a:gs pos="50000">
                  <a:schemeClr val="accent4">
                    <a:shade val="76000"/>
                    <a:satMod val="110000"/>
                    <a:lumMod val="100000"/>
                    <a:shade val="100000"/>
                  </a:schemeClr>
                </a:gs>
                <a:gs pos="100000">
                  <a:schemeClr val="accent4">
                    <a:shade val="76000"/>
                    <a:lumMod val="99000"/>
                    <a:satMod val="120000"/>
                    <a:shade val="78000"/>
                  </a:schemeClr>
                </a:gs>
              </a:gsLst>
              <a:lin ang="5400000" scaled="0"/>
            </a:gra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2"/>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Child marriage and child labor'!$A$2:$A$16</c:f>
              <c:strCache>
                <c:ptCount val="15"/>
                <c:pt idx="0">
                  <c:v>UK</c:v>
                </c:pt>
                <c:pt idx="1">
                  <c:v>South Korea</c:v>
                </c:pt>
                <c:pt idx="2">
                  <c:v>Canada</c:v>
                </c:pt>
                <c:pt idx="3">
                  <c:v>Chile</c:v>
                </c:pt>
                <c:pt idx="4">
                  <c:v>Australia</c:v>
                </c:pt>
                <c:pt idx="5">
                  <c:v>U.S.</c:v>
                </c:pt>
                <c:pt idx="6">
                  <c:v>Philippines</c:v>
                </c:pt>
                <c:pt idx="7">
                  <c:v>Indonesia</c:v>
                </c:pt>
                <c:pt idx="8">
                  <c:v>Honduras</c:v>
                </c:pt>
                <c:pt idx="9">
                  <c:v>Zimbabwe</c:v>
                </c:pt>
                <c:pt idx="10">
                  <c:v>Palestine</c:v>
                </c:pt>
                <c:pt idx="11">
                  <c:v>Tanzania</c:v>
                </c:pt>
                <c:pt idx="12">
                  <c:v>DRC</c:v>
                </c:pt>
                <c:pt idx="13">
                  <c:v>Ethiopia</c:v>
                </c:pt>
                <c:pt idx="14">
                  <c:v>Nigeria</c:v>
                </c:pt>
              </c:strCache>
            </c:strRef>
          </c:cat>
          <c:val>
            <c:numRef>
              <c:f>'Child marriage and child labor'!$B$2:$B$16</c:f>
              <c:numCache>
                <c:formatCode>General</c:formatCode>
                <c:ptCount val="15"/>
                <c:pt idx="0">
                  <c:v>7.0000000000000001E-3</c:v>
                </c:pt>
                <c:pt idx="1">
                  <c:v>0.59</c:v>
                </c:pt>
                <c:pt idx="2">
                  <c:v>0.6</c:v>
                </c:pt>
                <c:pt idx="3">
                  <c:v>0.65</c:v>
                </c:pt>
                <c:pt idx="4">
                  <c:v>2.8</c:v>
                </c:pt>
                <c:pt idx="5">
                  <c:v>6</c:v>
                </c:pt>
                <c:pt idx="6">
                  <c:v>15</c:v>
                </c:pt>
                <c:pt idx="7" formatCode="0.00">
                  <c:v>22</c:v>
                </c:pt>
                <c:pt idx="8">
                  <c:v>22.6</c:v>
                </c:pt>
                <c:pt idx="9">
                  <c:v>31</c:v>
                </c:pt>
                <c:pt idx="10">
                  <c:v>35.5</c:v>
                </c:pt>
                <c:pt idx="11">
                  <c:v>37</c:v>
                </c:pt>
                <c:pt idx="12">
                  <c:v>40</c:v>
                </c:pt>
                <c:pt idx="13">
                  <c:v>58</c:v>
                </c:pt>
              </c:numCache>
            </c:numRef>
          </c:val>
          <c:extLst>
            <c:ext xmlns:c16="http://schemas.microsoft.com/office/drawing/2014/chart" uri="{C3380CC4-5D6E-409C-BE32-E72D297353CC}">
              <c16:uniqueId val="{00000000-CBF8-4757-8929-9124AB65A816}"/>
            </c:ext>
          </c:extLst>
        </c:ser>
        <c:ser>
          <c:idx val="1"/>
          <c:order val="1"/>
          <c:tx>
            <c:strRef>
              <c:f>'Child marriage and child labor'!$C$1</c:f>
              <c:strCache>
                <c:ptCount val="1"/>
                <c:pt idx="0">
                  <c:v>Child Labor</c:v>
                </c:pt>
              </c:strCache>
            </c:strRef>
          </c:tx>
          <c:spPr>
            <a:gradFill rotWithShape="1">
              <a:gsLst>
                <a:gs pos="0">
                  <a:schemeClr val="accent4">
                    <a:tint val="77000"/>
                    <a:satMod val="103000"/>
                    <a:lumMod val="102000"/>
                    <a:tint val="94000"/>
                  </a:schemeClr>
                </a:gs>
                <a:gs pos="50000">
                  <a:schemeClr val="accent4">
                    <a:tint val="77000"/>
                    <a:satMod val="110000"/>
                    <a:lumMod val="100000"/>
                    <a:shade val="100000"/>
                  </a:schemeClr>
                </a:gs>
                <a:gs pos="100000">
                  <a:schemeClr val="accent4">
                    <a:tint val="77000"/>
                    <a:lumMod val="99000"/>
                    <a:satMod val="120000"/>
                    <a:shade val="78000"/>
                  </a:schemeClr>
                </a:gs>
              </a:gsLst>
              <a:lin ang="5400000" scaled="0"/>
            </a:gra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2"/>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Child marriage and child labor'!$A$2:$A$16</c:f>
              <c:strCache>
                <c:ptCount val="15"/>
                <c:pt idx="0">
                  <c:v>UK</c:v>
                </c:pt>
                <c:pt idx="1">
                  <c:v>South Korea</c:v>
                </c:pt>
                <c:pt idx="2">
                  <c:v>Canada</c:v>
                </c:pt>
                <c:pt idx="3">
                  <c:v>Chile</c:v>
                </c:pt>
                <c:pt idx="4">
                  <c:v>Australia</c:v>
                </c:pt>
                <c:pt idx="5">
                  <c:v>U.S.</c:v>
                </c:pt>
                <c:pt idx="6">
                  <c:v>Philippines</c:v>
                </c:pt>
                <c:pt idx="7">
                  <c:v>Indonesia</c:v>
                </c:pt>
                <c:pt idx="8">
                  <c:v>Honduras</c:v>
                </c:pt>
                <c:pt idx="9">
                  <c:v>Zimbabwe</c:v>
                </c:pt>
                <c:pt idx="10">
                  <c:v>Palestine</c:v>
                </c:pt>
                <c:pt idx="11">
                  <c:v>Tanzania</c:v>
                </c:pt>
                <c:pt idx="12">
                  <c:v>DRC</c:v>
                </c:pt>
                <c:pt idx="13">
                  <c:v>Ethiopia</c:v>
                </c:pt>
                <c:pt idx="14">
                  <c:v>Nigeria</c:v>
                </c:pt>
              </c:strCache>
            </c:strRef>
          </c:cat>
          <c:val>
            <c:numRef>
              <c:f>'Child marriage and child labor'!$C$2:$C$16</c:f>
              <c:numCache>
                <c:formatCode>General</c:formatCode>
                <c:ptCount val="15"/>
                <c:pt idx="0">
                  <c:v>0</c:v>
                </c:pt>
                <c:pt idx="1">
                  <c:v>0</c:v>
                </c:pt>
                <c:pt idx="2">
                  <c:v>12.85</c:v>
                </c:pt>
                <c:pt idx="3">
                  <c:v>6.6</c:v>
                </c:pt>
                <c:pt idx="4">
                  <c:v>6.6</c:v>
                </c:pt>
                <c:pt idx="6">
                  <c:v>3.4</c:v>
                </c:pt>
                <c:pt idx="7">
                  <c:v>6.9</c:v>
                </c:pt>
                <c:pt idx="8">
                  <c:v>16.5</c:v>
                </c:pt>
                <c:pt idx="9">
                  <c:v>4.74</c:v>
                </c:pt>
                <c:pt idx="10">
                  <c:v>6</c:v>
                </c:pt>
                <c:pt idx="11">
                  <c:v>25.1</c:v>
                </c:pt>
                <c:pt idx="12">
                  <c:v>38</c:v>
                </c:pt>
                <c:pt idx="13">
                  <c:v>22</c:v>
                </c:pt>
                <c:pt idx="14">
                  <c:v>25</c:v>
                </c:pt>
              </c:numCache>
            </c:numRef>
          </c:val>
          <c:extLst>
            <c:ext xmlns:c16="http://schemas.microsoft.com/office/drawing/2014/chart" uri="{C3380CC4-5D6E-409C-BE32-E72D297353CC}">
              <c16:uniqueId val="{00000001-CBF8-4757-8929-9124AB65A816}"/>
            </c:ext>
          </c:extLst>
        </c:ser>
        <c:dLbls>
          <c:dLblPos val="inEnd"/>
          <c:showLegendKey val="0"/>
          <c:showVal val="1"/>
          <c:showCatName val="0"/>
          <c:showSerName val="0"/>
          <c:showPercent val="0"/>
          <c:showBubbleSize val="0"/>
        </c:dLbls>
        <c:gapWidth val="100"/>
        <c:axId val="775406200"/>
        <c:axId val="775406528"/>
      </c:barChart>
      <c:catAx>
        <c:axId val="775406200"/>
        <c:scaling>
          <c:orientation val="minMax"/>
        </c:scaling>
        <c:delete val="0"/>
        <c:axPos val="l"/>
        <c:numFmt formatCode="General" sourceLinked="1"/>
        <c:majorTickMark val="none"/>
        <c:minorTickMark val="none"/>
        <c:tickLblPos val="nextTo"/>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2"/>
                </a:solidFill>
                <a:latin typeface="+mn-lt"/>
                <a:ea typeface="+mn-ea"/>
                <a:cs typeface="+mn-cs"/>
              </a:defRPr>
            </a:pPr>
            <a:endParaRPr lang="en-US"/>
          </a:p>
        </c:txPr>
        <c:crossAx val="775406528"/>
        <c:crosses val="autoZero"/>
        <c:auto val="1"/>
        <c:lblAlgn val="ctr"/>
        <c:lblOffset val="100"/>
        <c:noMultiLvlLbl val="0"/>
      </c:catAx>
      <c:valAx>
        <c:axId val="775406528"/>
        <c:scaling>
          <c:orientation val="minMax"/>
          <c:max val="60"/>
        </c:scaling>
        <c:delete val="0"/>
        <c:axPos val="b"/>
        <c:majorGridlines>
          <c:spPr>
            <a:ln w="9525" cap="flat" cmpd="sng" algn="ctr">
              <a:solidFill>
                <a:schemeClr val="tx2">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2"/>
                </a:solidFill>
                <a:latin typeface="+mn-lt"/>
                <a:ea typeface="+mn-ea"/>
                <a:cs typeface="+mn-cs"/>
              </a:defRPr>
            </a:pPr>
            <a:endParaRPr lang="en-US"/>
          </a:p>
        </c:txPr>
        <c:crossAx val="77540620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2"/>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20">
  <a:schemeClr val="dk1"/>
  <cs:variation>
    <a:tint val="88500"/>
  </cs:variation>
  <cs:variation>
    <a:tint val="55000"/>
  </cs:variation>
  <cs:variation>
    <a:tint val="75000"/>
  </cs:variation>
  <cs:variation>
    <a:tint val="98500"/>
  </cs:variation>
  <cs:variation>
    <a:tint val="30000"/>
  </cs:variation>
  <cs:variation>
    <a:tint val="60000"/>
  </cs:variation>
  <cs:variation>
    <a:tint val="8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withinLinearReversed" id="24">
  <a:schemeClr val="accent4"/>
</cs:colorStyle>
</file>

<file path=ppt/charts/colors6.xml><?xml version="1.0" encoding="utf-8"?>
<cs:colorStyle xmlns:cs="http://schemas.microsoft.com/office/drawing/2012/chartStyle" xmlns:a="http://schemas.openxmlformats.org/drawingml/2006/main" meth="withinLinear" id="17">
  <a:schemeClr val="accent4"/>
</cs:colorStyle>
</file>

<file path=ppt/charts/colors7.xml><?xml version="1.0" encoding="utf-8"?>
<cs:colorStyle xmlns:cs="http://schemas.microsoft.com/office/drawing/2012/chartStyle" xmlns:a="http://schemas.openxmlformats.org/drawingml/2006/main" meth="withinLinear" id="18">
  <a:schemeClr val="accent5"/>
</cs:colorStyle>
</file>

<file path=ppt/charts/colors8.xml><?xml version="1.0" encoding="utf-8"?>
<cs:colorStyle xmlns:cs="http://schemas.microsoft.com/office/drawing/2012/chartStyle" xmlns:a="http://schemas.openxmlformats.org/drawingml/2006/main" meth="withinLinear" id="17">
  <a:schemeClr val="accent4"/>
</cs:colorStyle>
</file>

<file path=ppt/charts/style1.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326">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dk1">
            <a:lumMod val="75000"/>
            <a:lumOff val="25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dk1">
            <a:lumMod val="75000"/>
            <a:lumOff val="25000"/>
          </a:schemeClr>
        </a:solidFill>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3.xml><?xml version="1.0" encoding="utf-8"?>
<cs:chartStyle xmlns:cs="http://schemas.microsoft.com/office/drawing/2012/chartStyle" xmlns:a="http://schemas.openxmlformats.org/drawingml/2006/main" id="302">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4.xml><?xml version="1.0" encoding="utf-8"?>
<cs:chartStyle xmlns:cs="http://schemas.microsoft.com/office/drawing/2012/chartStyle" xmlns:a="http://schemas.openxmlformats.org/drawingml/2006/main" id="302">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5.xml><?xml version="1.0" encoding="utf-8"?>
<cs:chartStyle xmlns:cs="http://schemas.microsoft.com/office/drawing/2012/chartStyle" xmlns:a="http://schemas.openxmlformats.org/drawingml/2006/main" id="220">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6.xml><?xml version="1.0" encoding="utf-8"?>
<cs:chartStyle xmlns:cs="http://schemas.microsoft.com/office/drawing/2012/chartStyle" xmlns:a="http://schemas.openxmlformats.org/drawingml/2006/main" id="220">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7.xml><?xml version="1.0" encoding="utf-8"?>
<cs:chartStyle xmlns:cs="http://schemas.microsoft.com/office/drawing/2012/chartStyle" xmlns:a="http://schemas.openxmlformats.org/drawingml/2006/main" id="220">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charts/style8.xml><?xml version="1.0" encoding="utf-8"?>
<cs:chartStyle xmlns:cs="http://schemas.microsoft.com/office/drawing/2012/chartStyle" xmlns:a="http://schemas.openxmlformats.org/drawingml/2006/main" id="220">
  <cs:axisTitle>
    <cs:lnRef idx="0"/>
    <cs:fillRef idx="0"/>
    <cs:effectRef idx="0"/>
    <cs:fontRef idx="minor">
      <a:schemeClr val="tx2"/>
    </cs:fontRef>
    <cs:defRPr sz="1197"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1197"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1197" kern="1200"/>
  </cs:chartArea>
  <cs:dataLabel>
    <cs:lnRef idx="0"/>
    <cs:fillRef idx="0"/>
    <cs:effectRef idx="0"/>
    <cs:fontRef idx="minor">
      <a:schemeClr val="tx2"/>
    </cs:fontRef>
    <cs:defRPr sz="1197"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1197"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1197"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2128"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1197"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1197" kern="1200"/>
  </cs:valueAxis>
  <cs:wall>
    <cs:lnRef idx="0"/>
    <cs:fillRef idx="0"/>
    <cs:effectRef idx="0"/>
    <cs:fontRef idx="minor">
      <a:schemeClr val="tx2"/>
    </cs:fontRef>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BE9C103F-96CD-49A4-9911-0AA05555FB95}" type="datetimeFigureOut">
              <a:rPr lang="en-US" smtClean="0"/>
              <a:t>7/20/2017</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9A244050-EC1D-436D-B49B-A1F6E0B3B554}" type="slidenum">
              <a:rPr lang="en-US" smtClean="0"/>
              <a:t>‹#›</a:t>
            </a:fld>
            <a:endParaRPr lang="en-US"/>
          </a:p>
        </p:txBody>
      </p:sp>
    </p:spTree>
    <p:extLst>
      <p:ext uri="{BB962C8B-B14F-4D97-AF65-F5344CB8AC3E}">
        <p14:creationId xmlns:p14="http://schemas.microsoft.com/office/powerpoint/2010/main" val="258976654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a:t>
            </a:fld>
            <a:endParaRPr lang="en-US"/>
          </a:p>
        </p:txBody>
      </p:sp>
    </p:spTree>
    <p:extLst>
      <p:ext uri="{BB962C8B-B14F-4D97-AF65-F5344CB8AC3E}">
        <p14:creationId xmlns:p14="http://schemas.microsoft.com/office/powerpoint/2010/main" val="14464250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10</a:t>
            </a:fld>
            <a:endParaRPr lang="en-US"/>
          </a:p>
        </p:txBody>
      </p:sp>
    </p:spTree>
    <p:extLst>
      <p:ext uri="{BB962C8B-B14F-4D97-AF65-F5344CB8AC3E}">
        <p14:creationId xmlns:p14="http://schemas.microsoft.com/office/powerpoint/2010/main" val="337837588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1</a:t>
            </a:fld>
            <a:endParaRPr lang="en-US"/>
          </a:p>
        </p:txBody>
      </p:sp>
    </p:spTree>
    <p:extLst>
      <p:ext uri="{BB962C8B-B14F-4D97-AF65-F5344CB8AC3E}">
        <p14:creationId xmlns:p14="http://schemas.microsoft.com/office/powerpoint/2010/main" val="16806806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12</a:t>
            </a:fld>
            <a:endParaRPr lang="en-US"/>
          </a:p>
        </p:txBody>
      </p:sp>
    </p:spTree>
    <p:extLst>
      <p:ext uri="{BB962C8B-B14F-4D97-AF65-F5344CB8AC3E}">
        <p14:creationId xmlns:p14="http://schemas.microsoft.com/office/powerpoint/2010/main" val="62051808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3</a:t>
            </a:fld>
            <a:endParaRPr lang="en-US"/>
          </a:p>
        </p:txBody>
      </p:sp>
    </p:spTree>
    <p:extLst>
      <p:ext uri="{BB962C8B-B14F-4D97-AF65-F5344CB8AC3E}">
        <p14:creationId xmlns:p14="http://schemas.microsoft.com/office/powerpoint/2010/main" val="230042324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4</a:t>
            </a:fld>
            <a:endParaRPr lang="en-US"/>
          </a:p>
        </p:txBody>
      </p:sp>
    </p:spTree>
    <p:extLst>
      <p:ext uri="{BB962C8B-B14F-4D97-AF65-F5344CB8AC3E}">
        <p14:creationId xmlns:p14="http://schemas.microsoft.com/office/powerpoint/2010/main" val="306036896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15</a:t>
            </a:fld>
            <a:endParaRPr lang="en-US"/>
          </a:p>
        </p:txBody>
      </p:sp>
    </p:spTree>
    <p:extLst>
      <p:ext uri="{BB962C8B-B14F-4D97-AF65-F5344CB8AC3E}">
        <p14:creationId xmlns:p14="http://schemas.microsoft.com/office/powerpoint/2010/main" val="418467524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6</a:t>
            </a:fld>
            <a:endParaRPr lang="en-US"/>
          </a:p>
        </p:txBody>
      </p:sp>
    </p:spTree>
    <p:extLst>
      <p:ext uri="{BB962C8B-B14F-4D97-AF65-F5344CB8AC3E}">
        <p14:creationId xmlns:p14="http://schemas.microsoft.com/office/powerpoint/2010/main" val="15142333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A539F999-23DE-4DF3-8F8E-F8A3B6E30304}" type="slidenum">
              <a:rPr lang="en-US" smtClean="0"/>
              <a:t>17</a:t>
            </a:fld>
            <a:endParaRPr lang="en-US"/>
          </a:p>
        </p:txBody>
      </p:sp>
    </p:spTree>
    <p:extLst>
      <p:ext uri="{BB962C8B-B14F-4D97-AF65-F5344CB8AC3E}">
        <p14:creationId xmlns:p14="http://schemas.microsoft.com/office/powerpoint/2010/main" val="428017504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a:solidFill>
                  <a:schemeClr val="tx1"/>
                </a:solidFill>
                <a:effectLst/>
                <a:latin typeface="+mn-lt"/>
                <a:ea typeface="+mn-ea"/>
                <a:cs typeface="+mn-cs"/>
              </a:rPr>
              <a:t>Using the most recent data, preferring government sources, followed by international governmental sources like UIS, and then non-governmental sources, RTEI compares national level indicators. </a:t>
            </a:r>
          </a:p>
          <a:p>
            <a:r>
              <a:rPr lang="en-US" sz="1200" kern="1200" dirty="0">
                <a:solidFill>
                  <a:schemeClr val="tx1"/>
                </a:solidFill>
                <a:effectLst/>
                <a:latin typeface="+mn-lt"/>
                <a:ea typeface="+mn-ea"/>
                <a:cs typeface="+mn-cs"/>
              </a:rPr>
              <a:t>Because most recent data was preferred, some partners submitted data from different years for various questions, depending on national data collection processes. </a:t>
            </a:r>
          </a:p>
          <a:p>
            <a:r>
              <a:rPr lang="en-US" sz="1200" kern="1200" dirty="0">
                <a:solidFill>
                  <a:schemeClr val="tx1"/>
                </a:solidFill>
                <a:effectLst/>
                <a:latin typeface="+mn-lt"/>
                <a:ea typeface="+mn-ea"/>
                <a:cs typeface="+mn-cs"/>
              </a:rPr>
              <a:t>Scores are on a scale from 0 (right to education absent) to 100 (right to education respected, protected, and fulfilled).</a:t>
            </a:r>
          </a:p>
          <a:p>
            <a:r>
              <a:rPr lang="en-US" sz="1200" kern="1200" dirty="0">
                <a:solidFill>
                  <a:schemeClr val="tx1"/>
                </a:solidFill>
                <a:effectLst/>
                <a:latin typeface="+mn-lt"/>
                <a:ea typeface="+mn-ea"/>
                <a:cs typeface="+mn-cs"/>
              </a:rPr>
              <a:t> </a:t>
            </a:r>
          </a:p>
          <a:p>
            <a:r>
              <a:rPr lang="en-US" sz="1200" kern="1200" dirty="0">
                <a:solidFill>
                  <a:schemeClr val="tx1"/>
                </a:solidFill>
                <a:effectLst/>
                <a:latin typeface="+mn-lt"/>
                <a:ea typeface="+mn-ea"/>
                <a:cs typeface="+mn-cs"/>
              </a:rPr>
              <a:t>The Index score is an average of each theme (Governance, Availability, Accessibility, Acceptability, and Adaptability). Each theme score is an average of its related subtheme scores. Subtheme scores are the average of individual question scores in their respective areas.</a:t>
            </a:r>
          </a:p>
          <a:p>
            <a:r>
              <a:rPr lang="en-US" sz="1200" kern="1200" dirty="0">
                <a:solidFill>
                  <a:schemeClr val="tx1"/>
                </a:solidFill>
                <a:effectLst/>
                <a:latin typeface="+mn-lt"/>
                <a:ea typeface="+mn-ea"/>
                <a:cs typeface="+mn-cs"/>
              </a:rPr>
              <a:t> </a:t>
            </a:r>
          </a:p>
          <a:p>
            <a:r>
              <a:rPr lang="en-US" sz="1200" kern="1200" dirty="0">
                <a:solidFill>
                  <a:schemeClr val="tx1"/>
                </a:solidFill>
                <a:effectLst/>
                <a:latin typeface="+mn-lt"/>
                <a:ea typeface="+mn-ea"/>
                <a:cs typeface="+mn-cs"/>
              </a:rPr>
              <a:t>Progressively realized right indicators are  weighted to account for national resource availability, using a log of the Gross Domestic Product (GDP) per capita purchasing power parity (PPP) model .</a:t>
            </a:r>
          </a:p>
          <a:p>
            <a:r>
              <a:rPr lang="en-US" sz="1200" kern="1200" dirty="0">
                <a:solidFill>
                  <a:schemeClr val="tx1"/>
                </a:solidFill>
                <a:effectLst/>
                <a:latin typeface="+mn-lt"/>
                <a:ea typeface="+mn-ea"/>
                <a:cs typeface="+mn-cs"/>
              </a:rPr>
              <a:t> </a:t>
            </a:r>
          </a:p>
          <a:p>
            <a:r>
              <a:rPr lang="en-US" sz="1200" kern="1200" dirty="0">
                <a:solidFill>
                  <a:schemeClr val="tx1"/>
                </a:solidFill>
                <a:effectLst/>
                <a:latin typeface="+mn-lt"/>
                <a:ea typeface="+mn-ea"/>
                <a:cs typeface="+mn-cs"/>
              </a:rPr>
              <a:t>Data Availability is treated as a subtheme of Governance and is calculated as an average of all missing data by question, multiplied by the ratio of questions from national and international governmental sources. </a:t>
            </a:r>
          </a:p>
          <a:p>
            <a:r>
              <a:rPr lang="en-US" sz="1200" kern="1200" dirty="0">
                <a:solidFill>
                  <a:schemeClr val="tx1"/>
                </a:solidFill>
                <a:effectLst/>
                <a:latin typeface="+mn-lt"/>
                <a:ea typeface="+mn-ea"/>
                <a:cs typeface="+mn-cs"/>
              </a:rPr>
              <a:t>For progressively realized indicators, coded responses were multiplied by the national </a:t>
            </a:r>
            <a:r>
              <a:rPr lang="en-US" sz="1200" kern="1200" dirty="0" err="1">
                <a:solidFill>
                  <a:schemeClr val="tx1"/>
                </a:solidFill>
                <a:effectLst/>
                <a:latin typeface="+mn-lt"/>
                <a:ea typeface="+mn-ea"/>
                <a:cs typeface="+mn-cs"/>
              </a:rPr>
              <a:t>logGDP</a:t>
            </a:r>
            <a:r>
              <a:rPr lang="en-US" sz="1200" kern="1200" dirty="0">
                <a:solidFill>
                  <a:schemeClr val="tx1"/>
                </a:solidFill>
                <a:effectLst/>
                <a:latin typeface="+mn-lt"/>
                <a:ea typeface="+mn-ea"/>
                <a:cs typeface="+mn-cs"/>
              </a:rPr>
              <a:t> per capita PPP divided by the 2016 global mean of the </a:t>
            </a:r>
            <a:r>
              <a:rPr lang="en-US" sz="1200" kern="1200" dirty="0" err="1">
                <a:solidFill>
                  <a:schemeClr val="tx1"/>
                </a:solidFill>
                <a:effectLst/>
                <a:latin typeface="+mn-lt"/>
                <a:ea typeface="+mn-ea"/>
                <a:cs typeface="+mn-cs"/>
              </a:rPr>
              <a:t>logGDP</a:t>
            </a:r>
            <a:r>
              <a:rPr lang="en-US" sz="1200" kern="1200" dirty="0">
                <a:solidFill>
                  <a:schemeClr val="tx1"/>
                </a:solidFill>
                <a:effectLst/>
                <a:latin typeface="+mn-lt"/>
                <a:ea typeface="+mn-ea"/>
                <a:cs typeface="+mn-cs"/>
              </a:rPr>
              <a:t> per capita PPP. The data was then subtracted from 1 for the adjusted score using the following formula: 1 - (1 - x) (national </a:t>
            </a:r>
            <a:r>
              <a:rPr lang="en-US" sz="1200" kern="1200" dirty="0" err="1">
                <a:solidFill>
                  <a:schemeClr val="tx1"/>
                </a:solidFill>
                <a:effectLst/>
                <a:latin typeface="+mn-lt"/>
                <a:ea typeface="+mn-ea"/>
                <a:cs typeface="+mn-cs"/>
              </a:rPr>
              <a:t>logGDP</a:t>
            </a:r>
            <a:r>
              <a:rPr lang="en-US" sz="1200" kern="1200" dirty="0">
                <a:solidFill>
                  <a:schemeClr val="tx1"/>
                </a:solidFill>
                <a:effectLst/>
                <a:latin typeface="+mn-lt"/>
                <a:ea typeface="+mn-ea"/>
                <a:cs typeface="+mn-cs"/>
              </a:rPr>
              <a:t> per capita/world </a:t>
            </a:r>
            <a:r>
              <a:rPr lang="en-US" sz="1200" kern="1200" dirty="0" err="1">
                <a:solidFill>
                  <a:schemeClr val="tx1"/>
                </a:solidFill>
                <a:effectLst/>
                <a:latin typeface="+mn-lt"/>
                <a:ea typeface="+mn-ea"/>
                <a:cs typeface="+mn-cs"/>
              </a:rPr>
              <a:t>logµGDP</a:t>
            </a:r>
            <a:r>
              <a:rPr lang="en-US" sz="1200" kern="1200" dirty="0">
                <a:solidFill>
                  <a:schemeClr val="tx1"/>
                </a:solidFill>
                <a:effectLst/>
                <a:latin typeface="+mn-lt"/>
                <a:ea typeface="+mn-ea"/>
                <a:cs typeface="+mn-cs"/>
              </a:rPr>
              <a:t> per capita), where x = question response</a:t>
            </a:r>
          </a:p>
          <a:p>
            <a:endParaRPr lang="en-US" altLang="en-US" sz="3200" dirty="0">
              <a:solidFill>
                <a:srgbClr val="AF1F2C"/>
              </a:solidFill>
              <a:latin typeface="Helvetica" panose="020B0604020202020204" pitchFamily="34" charset="0"/>
              <a:ea typeface="Calibri" panose="020F0502020204030204" pitchFamily="34" charset="0"/>
              <a:cs typeface="Helvetica" panose="020B0604020202020204" pitchFamily="34" charset="0"/>
            </a:endParaRPr>
          </a:p>
          <a:p>
            <a:r>
              <a:rPr lang="en-US" altLang="en-US" sz="2800" dirty="0">
                <a:latin typeface="Helvetica" panose="020B0604020202020204" pitchFamily="34" charset="0"/>
                <a:ea typeface="Calibri" panose="020F0502020204030204" pitchFamily="34" charset="0"/>
                <a:cs typeface="Helvetica" panose="020B0604020202020204" pitchFamily="34" charset="0"/>
              </a:rPr>
              <a:t>Subtheme averages</a:t>
            </a:r>
          </a:p>
          <a:p>
            <a:pPr marL="569913" lvl="1" indent="-285750">
              <a:buFont typeface="Arial" panose="020B0604020202020204" pitchFamily="34" charset="0"/>
              <a:buChar char="•"/>
            </a:pPr>
            <a:r>
              <a:rPr lang="en-US" sz="2400" dirty="0"/>
              <a:t>Every subtheme was an average of each data point</a:t>
            </a:r>
          </a:p>
          <a:p>
            <a:pPr marL="569913" lvl="1" indent="-285750">
              <a:buFont typeface="Arial" panose="020B0604020202020204" pitchFamily="34" charset="0"/>
              <a:buChar char="•"/>
            </a:pPr>
            <a:r>
              <a:rPr lang="en-US" sz="2400" dirty="0"/>
              <a:t>Data availability subtheme was calculated as a subtheme of Governance. </a:t>
            </a:r>
          </a:p>
          <a:p>
            <a:pPr marL="1084263" lvl="2" indent="-342900">
              <a:buFont typeface="+mj-lt"/>
              <a:buAutoNum type="arabicPeriod"/>
            </a:pPr>
            <a:r>
              <a:rPr lang="en-US" sz="2400" dirty="0"/>
              <a:t>We coded responses by data source (government, NGO, Media, etc.) </a:t>
            </a:r>
          </a:p>
          <a:p>
            <a:pPr marL="1084263" lvl="2" indent="-342900">
              <a:buFont typeface="+mj-lt"/>
              <a:buAutoNum type="arabicPeriod"/>
            </a:pPr>
            <a:r>
              <a:rPr lang="en-US" sz="2400" dirty="0"/>
              <a:t>Not applicable questions excluded.</a:t>
            </a:r>
          </a:p>
          <a:p>
            <a:pPr marL="1084263" lvl="2" indent="-342900">
              <a:buFont typeface="+mj-lt"/>
              <a:buAutoNum type="arabicPeriod"/>
            </a:pPr>
            <a:r>
              <a:rPr lang="en-US" sz="2400" dirty="0"/>
              <a:t>We divided the number of questions supported by government data by the total number of applicable questions </a:t>
            </a:r>
          </a:p>
          <a:p>
            <a:pPr marL="1084263" lvl="2" indent="-342900">
              <a:buFont typeface="+mj-lt"/>
              <a:buAutoNum type="arabicPeriod"/>
            </a:pPr>
            <a:r>
              <a:rPr lang="en-US" sz="2400" dirty="0"/>
              <a:t>1.6 Data availability subtheme was calculated as an average of all missing data per question multiplied by the ratio of questions from government sources. </a:t>
            </a:r>
            <a:endParaRPr lang="en-US" altLang="en-US" sz="3200" dirty="0">
              <a:latin typeface="Helvetica" panose="020B0604020202020204" pitchFamily="34" charset="0"/>
              <a:cs typeface="Helvetica" panose="020B0604020202020204" pitchFamily="34" charset="0"/>
            </a:endParaRPr>
          </a:p>
          <a:p>
            <a:r>
              <a:rPr lang="en-US" altLang="en-US" sz="2800" dirty="0">
                <a:latin typeface="Helvetica" panose="020B0604020202020204" pitchFamily="34" charset="0"/>
                <a:ea typeface="Calibri" panose="020F0502020204030204" pitchFamily="34" charset="0"/>
                <a:cs typeface="Helvetica" panose="020B0604020202020204" pitchFamily="34" charset="0"/>
              </a:rPr>
              <a:t>Theme </a:t>
            </a:r>
          </a:p>
          <a:p>
            <a:pPr marL="509588" indent="-284163">
              <a:buFont typeface="Arial" panose="020B0604020202020204" pitchFamily="34" charset="0"/>
              <a:buChar char="•"/>
            </a:pPr>
            <a:r>
              <a:rPr lang="en-US" altLang="en-US" sz="2000" dirty="0">
                <a:latin typeface="Helvetica" panose="020B0604020202020204" pitchFamily="34" charset="0"/>
                <a:ea typeface="Calibri" panose="020F0502020204030204" pitchFamily="34" charset="0"/>
                <a:cs typeface="Helvetica" panose="020B0604020202020204" pitchFamily="34" charset="0"/>
              </a:rPr>
              <a:t>Each theme was an averages of subthemes</a:t>
            </a:r>
            <a:endParaRPr lang="en-US" altLang="en-US" sz="2000" dirty="0">
              <a:latin typeface="Helvetica" panose="020B0604020202020204" pitchFamily="34" charset="0"/>
              <a:cs typeface="Helvetica" panose="020B0604020202020204" pitchFamily="34" charset="0"/>
            </a:endParaRPr>
          </a:p>
          <a:p>
            <a:r>
              <a:rPr lang="en-US" altLang="en-US" sz="2800" dirty="0">
                <a:latin typeface="Helvetica" panose="020B0604020202020204" pitchFamily="34" charset="0"/>
                <a:ea typeface="Calibri" panose="020F0502020204030204" pitchFamily="34" charset="0"/>
                <a:cs typeface="Helvetica" panose="020B0604020202020204" pitchFamily="34" charset="0"/>
              </a:rPr>
              <a:t>Cross-cutting themes</a:t>
            </a:r>
          </a:p>
          <a:p>
            <a:pPr marL="569913" lvl="2" indent="-285750" eaLnBrk="0" fontAlgn="base" hangingPunct="0">
              <a:buFont typeface="Arial" panose="020B0604020202020204" pitchFamily="34" charset="0"/>
              <a:buChar char="•"/>
            </a:pPr>
            <a:r>
              <a:rPr lang="en-US" altLang="en-US" sz="2000" dirty="0">
                <a:latin typeface="Helvetica" panose="020B0604020202020204" pitchFamily="34" charset="0"/>
                <a:cs typeface="Helvetica" panose="020B0604020202020204" pitchFamily="34" charset="0"/>
              </a:rPr>
              <a:t>Each cross cutting theme was an average of applicable data points.</a:t>
            </a:r>
          </a:p>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18</a:t>
            </a:fld>
            <a:endParaRPr lang="en-US"/>
          </a:p>
        </p:txBody>
      </p:sp>
    </p:spTree>
    <p:extLst>
      <p:ext uri="{BB962C8B-B14F-4D97-AF65-F5344CB8AC3E}">
        <p14:creationId xmlns:p14="http://schemas.microsoft.com/office/powerpoint/2010/main" val="32674711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2</a:t>
            </a:fld>
            <a:endParaRPr lang="en-US"/>
          </a:p>
        </p:txBody>
      </p:sp>
    </p:spTree>
    <p:extLst>
      <p:ext uri="{BB962C8B-B14F-4D97-AF65-F5344CB8AC3E}">
        <p14:creationId xmlns:p14="http://schemas.microsoft.com/office/powerpoint/2010/main" val="265931534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3</a:t>
            </a:fld>
            <a:endParaRPr lang="en-US"/>
          </a:p>
        </p:txBody>
      </p:sp>
    </p:spTree>
    <p:extLst>
      <p:ext uri="{BB962C8B-B14F-4D97-AF65-F5344CB8AC3E}">
        <p14:creationId xmlns:p14="http://schemas.microsoft.com/office/powerpoint/2010/main" val="297794513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39F999-23DE-4DF3-8F8E-F8A3B6E30304}" type="slidenum">
              <a:rPr lang="en-US" smtClean="0"/>
              <a:t>4</a:t>
            </a:fld>
            <a:endParaRPr lang="en-US"/>
          </a:p>
        </p:txBody>
      </p:sp>
    </p:spTree>
    <p:extLst>
      <p:ext uri="{BB962C8B-B14F-4D97-AF65-F5344CB8AC3E}">
        <p14:creationId xmlns:p14="http://schemas.microsoft.com/office/powerpoint/2010/main" val="39154254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5</a:t>
            </a:fld>
            <a:endParaRPr lang="en-US"/>
          </a:p>
        </p:txBody>
      </p:sp>
    </p:spTree>
    <p:extLst>
      <p:ext uri="{BB962C8B-B14F-4D97-AF65-F5344CB8AC3E}">
        <p14:creationId xmlns:p14="http://schemas.microsoft.com/office/powerpoint/2010/main" val="332273043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6</a:t>
            </a:fld>
            <a:endParaRPr lang="en-US"/>
          </a:p>
        </p:txBody>
      </p:sp>
    </p:spTree>
    <p:extLst>
      <p:ext uri="{BB962C8B-B14F-4D97-AF65-F5344CB8AC3E}">
        <p14:creationId xmlns:p14="http://schemas.microsoft.com/office/powerpoint/2010/main" val="306583977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7</a:t>
            </a:fld>
            <a:endParaRPr lang="en-US"/>
          </a:p>
        </p:txBody>
      </p:sp>
    </p:spTree>
    <p:extLst>
      <p:ext uri="{BB962C8B-B14F-4D97-AF65-F5344CB8AC3E}">
        <p14:creationId xmlns:p14="http://schemas.microsoft.com/office/powerpoint/2010/main" val="374894039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8</a:t>
            </a:fld>
            <a:endParaRPr lang="en-US"/>
          </a:p>
        </p:txBody>
      </p:sp>
    </p:spTree>
    <p:extLst>
      <p:ext uri="{BB962C8B-B14F-4D97-AF65-F5344CB8AC3E}">
        <p14:creationId xmlns:p14="http://schemas.microsoft.com/office/powerpoint/2010/main" val="14609606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49478">
              <a:defRPr/>
            </a:pPr>
            <a:endParaRPr lang="en-US" baseline="0" dirty="0"/>
          </a:p>
        </p:txBody>
      </p:sp>
      <p:sp>
        <p:nvSpPr>
          <p:cNvPr id="4" name="Slide Number Placeholder 3"/>
          <p:cNvSpPr>
            <a:spLocks noGrp="1"/>
          </p:cNvSpPr>
          <p:nvPr>
            <p:ph type="sldNum" sz="quarter" idx="10"/>
          </p:nvPr>
        </p:nvSpPr>
        <p:spPr/>
        <p:txBody>
          <a:bodyPr/>
          <a:lstStyle/>
          <a:p>
            <a:fld id="{A539F999-23DE-4DF3-8F8E-F8A3B6E30304}" type="slidenum">
              <a:rPr lang="en-US" smtClean="0"/>
              <a:t>9</a:t>
            </a:fld>
            <a:endParaRPr lang="en-US"/>
          </a:p>
        </p:txBody>
      </p:sp>
    </p:spTree>
    <p:extLst>
      <p:ext uri="{BB962C8B-B14F-4D97-AF65-F5344CB8AC3E}">
        <p14:creationId xmlns:p14="http://schemas.microsoft.com/office/powerpoint/2010/main" val="59607934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6B0562B0-F2D7-4495-93FF-54B39CD46EBC}" type="datetimeFigureOut">
              <a:rPr lang="en-US" smtClean="0"/>
              <a:t>7/2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30289950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B0562B0-F2D7-4495-93FF-54B39CD46EBC}" type="datetimeFigureOut">
              <a:rPr lang="en-US" smtClean="0"/>
              <a:t>7/2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2354963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B0562B0-F2D7-4495-93FF-54B39CD46EBC}" type="datetimeFigureOut">
              <a:rPr lang="en-US" smtClean="0"/>
              <a:t>7/2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28884284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B0562B0-F2D7-4495-93FF-54B39CD46EBC}" type="datetimeFigureOut">
              <a:rPr lang="en-US" smtClean="0"/>
              <a:t>7/2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264569466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6B0562B0-F2D7-4495-93FF-54B39CD46EBC}" type="datetimeFigureOut">
              <a:rPr lang="en-US" smtClean="0"/>
              <a:t>7/2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100426361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6B0562B0-F2D7-4495-93FF-54B39CD46EBC}" type="datetimeFigureOut">
              <a:rPr lang="en-US" smtClean="0"/>
              <a:t>7/20/2017</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101400682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B0562B0-F2D7-4495-93FF-54B39CD46EBC}" type="datetimeFigureOut">
              <a:rPr lang="en-US" smtClean="0"/>
              <a:t>7/20/2017</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40889332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6B0562B0-F2D7-4495-93FF-54B39CD46EBC}" type="datetimeFigureOut">
              <a:rPr lang="en-US" smtClean="0"/>
              <a:t>7/20/2017</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32853811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6B0562B0-F2D7-4495-93FF-54B39CD46EBC}" type="datetimeFigureOut">
              <a:rPr lang="en-US" smtClean="0"/>
              <a:t>7/20/2017</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165583255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6B0562B0-F2D7-4495-93FF-54B39CD46EBC}" type="datetimeFigureOut">
              <a:rPr lang="en-US" smtClean="0"/>
              <a:t>7/20/2017</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15495287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6B0562B0-F2D7-4495-93FF-54B39CD46EBC}" type="datetimeFigureOut">
              <a:rPr lang="en-US" smtClean="0"/>
              <a:t>7/20/2017</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6A9E7061-8FD4-401F-BD33-40C71B382394}" type="slidenum">
              <a:rPr lang="en-US" smtClean="0"/>
              <a:t>‹#›</a:t>
            </a:fld>
            <a:endParaRPr lang="en-US"/>
          </a:p>
        </p:txBody>
      </p:sp>
    </p:spTree>
    <p:extLst>
      <p:ext uri="{BB962C8B-B14F-4D97-AF65-F5344CB8AC3E}">
        <p14:creationId xmlns:p14="http://schemas.microsoft.com/office/powerpoint/2010/main" val="384944791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B0562B0-F2D7-4495-93FF-54B39CD46EBC}" type="datetimeFigureOut">
              <a:rPr lang="en-US" smtClean="0"/>
              <a:t>7/20/2017</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A9E7061-8FD4-401F-BD33-40C71B382394}" type="slidenum">
              <a:rPr lang="en-US" smtClean="0"/>
              <a:t>‹#›</a:t>
            </a:fld>
            <a:endParaRPr lang="en-US"/>
          </a:p>
        </p:txBody>
      </p:sp>
    </p:spTree>
    <p:extLst>
      <p:ext uri="{BB962C8B-B14F-4D97-AF65-F5344CB8AC3E}">
        <p14:creationId xmlns:p14="http://schemas.microsoft.com/office/powerpoint/2010/main" val="1346683634"/>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image" Target="../media/image4.jpeg"/><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3" Type="http://schemas.openxmlformats.org/officeDocument/2006/relationships/image" Target="../media/image35.emf"/><Relationship Id="rId7" Type="http://schemas.openxmlformats.org/officeDocument/2006/relationships/chart" Target="../charts/chart8.xml"/><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chart" Target="../charts/chart7.xml"/><Relationship Id="rId5" Type="http://schemas.openxmlformats.org/officeDocument/2006/relationships/image" Target="../media/image2.png"/><Relationship Id="rId4" Type="http://schemas.openxmlformats.org/officeDocument/2006/relationships/image" Target="../media/image4.jpeg"/></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slideLayout" Target="../slideLayouts/slideLayout7.xml"/><Relationship Id="rId47" Type="http://schemas.openxmlformats.org/officeDocument/2006/relationships/image" Target="../media/image38.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image" Target="../media/image2.pn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image" Target="../media/image4.jpe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image" Target="../media/image37.emf"/><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notesSlide" Target="../notesSlides/notesSlide11.xml"/><Relationship Id="rId48" Type="http://schemas.microsoft.com/office/2007/relationships/hdphoto" Target="../media/hdphoto1.wdp"/></Relationships>
</file>

<file path=ppt/slides/_rels/slide12.xml.rels><?xml version="1.0" encoding="UTF-8" standalone="yes"?>
<Relationships xmlns="http://schemas.openxmlformats.org/package/2006/relationships"><Relationship Id="rId8" Type="http://schemas.openxmlformats.org/officeDocument/2006/relationships/hyperlink" Target="http://www.thejakartapost.com/news/2017/03/25/indonesian-education-index-lower-than-philippines-ethiopia.html" TargetMode="External"/><Relationship Id="rId3" Type="http://schemas.openxmlformats.org/officeDocument/2006/relationships/image" Target="../media/image39.emf"/><Relationship Id="rId7" Type="http://schemas.openxmlformats.org/officeDocument/2006/relationships/image" Target="../media/image41.png"/><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image" Target="../media/image40.png"/><Relationship Id="rId5" Type="http://schemas.openxmlformats.org/officeDocument/2006/relationships/image" Target="../media/image2.png"/><Relationship Id="rId4" Type="http://schemas.openxmlformats.org/officeDocument/2006/relationships/image" Target="../media/image4.jpeg"/><Relationship Id="rId9" Type="http://schemas.openxmlformats.org/officeDocument/2006/relationships/image" Target="../media/image42.png"/></Relationships>
</file>

<file path=ppt/slides/_rels/slide13.xml.rels><?xml version="1.0" encoding="UTF-8" standalone="yes"?>
<Relationships xmlns="http://schemas.openxmlformats.org/package/2006/relationships"><Relationship Id="rId8" Type="http://schemas.openxmlformats.org/officeDocument/2006/relationships/tags" Target="../tags/tag49.xml"/><Relationship Id="rId13" Type="http://schemas.openxmlformats.org/officeDocument/2006/relationships/tags" Target="../tags/tag54.xml"/><Relationship Id="rId18" Type="http://schemas.openxmlformats.org/officeDocument/2006/relationships/tags" Target="../tags/tag59.xml"/><Relationship Id="rId26" Type="http://schemas.openxmlformats.org/officeDocument/2006/relationships/tags" Target="../tags/tag67.xml"/><Relationship Id="rId39" Type="http://schemas.openxmlformats.org/officeDocument/2006/relationships/tags" Target="../tags/tag80.xml"/><Relationship Id="rId3" Type="http://schemas.openxmlformats.org/officeDocument/2006/relationships/tags" Target="../tags/tag44.xml"/><Relationship Id="rId21" Type="http://schemas.openxmlformats.org/officeDocument/2006/relationships/tags" Target="../tags/tag62.xml"/><Relationship Id="rId34" Type="http://schemas.openxmlformats.org/officeDocument/2006/relationships/tags" Target="../tags/tag75.xml"/><Relationship Id="rId42" Type="http://schemas.openxmlformats.org/officeDocument/2006/relationships/slideLayout" Target="../slideLayouts/slideLayout7.xml"/><Relationship Id="rId47" Type="http://schemas.openxmlformats.org/officeDocument/2006/relationships/image" Target="../media/image2.png"/><Relationship Id="rId7" Type="http://schemas.openxmlformats.org/officeDocument/2006/relationships/tags" Target="../tags/tag48.xml"/><Relationship Id="rId12" Type="http://schemas.openxmlformats.org/officeDocument/2006/relationships/tags" Target="../tags/tag53.xml"/><Relationship Id="rId17" Type="http://schemas.openxmlformats.org/officeDocument/2006/relationships/tags" Target="../tags/tag58.xml"/><Relationship Id="rId25" Type="http://schemas.openxmlformats.org/officeDocument/2006/relationships/tags" Target="../tags/tag66.xml"/><Relationship Id="rId33" Type="http://schemas.openxmlformats.org/officeDocument/2006/relationships/tags" Target="../tags/tag74.xml"/><Relationship Id="rId38" Type="http://schemas.openxmlformats.org/officeDocument/2006/relationships/tags" Target="../tags/tag79.xml"/><Relationship Id="rId46" Type="http://schemas.openxmlformats.org/officeDocument/2006/relationships/image" Target="../media/image4.jpeg"/><Relationship Id="rId2" Type="http://schemas.openxmlformats.org/officeDocument/2006/relationships/tags" Target="../tags/tag43.xml"/><Relationship Id="rId16" Type="http://schemas.openxmlformats.org/officeDocument/2006/relationships/tags" Target="../tags/tag57.xml"/><Relationship Id="rId20" Type="http://schemas.openxmlformats.org/officeDocument/2006/relationships/tags" Target="../tags/tag61.xml"/><Relationship Id="rId29" Type="http://schemas.openxmlformats.org/officeDocument/2006/relationships/tags" Target="../tags/tag70.xml"/><Relationship Id="rId41" Type="http://schemas.openxmlformats.org/officeDocument/2006/relationships/tags" Target="../tags/tag82.xml"/><Relationship Id="rId1" Type="http://schemas.openxmlformats.org/officeDocument/2006/relationships/tags" Target="../tags/tag42.xml"/><Relationship Id="rId6" Type="http://schemas.openxmlformats.org/officeDocument/2006/relationships/tags" Target="../tags/tag47.xml"/><Relationship Id="rId11" Type="http://schemas.openxmlformats.org/officeDocument/2006/relationships/tags" Target="../tags/tag52.xml"/><Relationship Id="rId24" Type="http://schemas.openxmlformats.org/officeDocument/2006/relationships/tags" Target="../tags/tag65.xml"/><Relationship Id="rId32" Type="http://schemas.openxmlformats.org/officeDocument/2006/relationships/tags" Target="../tags/tag73.xml"/><Relationship Id="rId37" Type="http://schemas.openxmlformats.org/officeDocument/2006/relationships/tags" Target="../tags/tag78.xml"/><Relationship Id="rId40" Type="http://schemas.openxmlformats.org/officeDocument/2006/relationships/tags" Target="../tags/tag81.xml"/><Relationship Id="rId45" Type="http://schemas.openxmlformats.org/officeDocument/2006/relationships/image" Target="../media/image43.jpeg"/><Relationship Id="rId5" Type="http://schemas.openxmlformats.org/officeDocument/2006/relationships/tags" Target="../tags/tag46.xml"/><Relationship Id="rId15" Type="http://schemas.openxmlformats.org/officeDocument/2006/relationships/tags" Target="../tags/tag56.xml"/><Relationship Id="rId23" Type="http://schemas.openxmlformats.org/officeDocument/2006/relationships/tags" Target="../tags/tag64.xml"/><Relationship Id="rId28" Type="http://schemas.openxmlformats.org/officeDocument/2006/relationships/tags" Target="../tags/tag69.xml"/><Relationship Id="rId36" Type="http://schemas.openxmlformats.org/officeDocument/2006/relationships/tags" Target="../tags/tag77.xml"/><Relationship Id="rId10" Type="http://schemas.openxmlformats.org/officeDocument/2006/relationships/tags" Target="../tags/tag51.xml"/><Relationship Id="rId19" Type="http://schemas.openxmlformats.org/officeDocument/2006/relationships/tags" Target="../tags/tag60.xml"/><Relationship Id="rId31" Type="http://schemas.openxmlformats.org/officeDocument/2006/relationships/tags" Target="../tags/tag72.xml"/><Relationship Id="rId44" Type="http://schemas.openxmlformats.org/officeDocument/2006/relationships/image" Target="../media/image37.emf"/><Relationship Id="rId4" Type="http://schemas.openxmlformats.org/officeDocument/2006/relationships/tags" Target="../tags/tag45.xml"/><Relationship Id="rId9" Type="http://schemas.openxmlformats.org/officeDocument/2006/relationships/tags" Target="../tags/tag50.xml"/><Relationship Id="rId14" Type="http://schemas.openxmlformats.org/officeDocument/2006/relationships/tags" Target="../tags/tag55.xml"/><Relationship Id="rId22" Type="http://schemas.openxmlformats.org/officeDocument/2006/relationships/tags" Target="../tags/tag63.xml"/><Relationship Id="rId27" Type="http://schemas.openxmlformats.org/officeDocument/2006/relationships/tags" Target="../tags/tag68.xml"/><Relationship Id="rId30" Type="http://schemas.openxmlformats.org/officeDocument/2006/relationships/tags" Target="../tags/tag71.xml"/><Relationship Id="rId35" Type="http://schemas.openxmlformats.org/officeDocument/2006/relationships/tags" Target="../tags/tag76.xml"/><Relationship Id="rId43"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44.emf"/><Relationship Id="rId2" Type="http://schemas.openxmlformats.org/officeDocument/2006/relationships/notesSlide" Target="../notesSlides/notesSlide14.xml"/><Relationship Id="rId1" Type="http://schemas.openxmlformats.org/officeDocument/2006/relationships/slideLayout" Target="../slideLayouts/slideLayout7.xml"/><Relationship Id="rId6" Type="http://schemas.openxmlformats.org/officeDocument/2006/relationships/image" Target="../media/image45.png"/><Relationship Id="rId5" Type="http://schemas.openxmlformats.org/officeDocument/2006/relationships/image" Target="../media/image2.png"/><Relationship Id="rId4" Type="http://schemas.openxmlformats.org/officeDocument/2006/relationships/image" Target="../media/image4.jpeg"/></Relationships>
</file>

<file path=ppt/slides/_rels/slide15.xml.rels><?xml version="1.0" encoding="UTF-8" standalone="yes"?>
<Relationships xmlns="http://schemas.openxmlformats.org/package/2006/relationships"><Relationship Id="rId3" Type="http://schemas.openxmlformats.org/officeDocument/2006/relationships/image" Target="../media/image17.jpg"/><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image" Target="../media/image2.png"/><Relationship Id="rId5" Type="http://schemas.openxmlformats.org/officeDocument/2006/relationships/image" Target="../media/image4.jpeg"/><Relationship Id="rId4" Type="http://schemas.openxmlformats.org/officeDocument/2006/relationships/hyperlink" Target="https://rtei.herokuapp.com/en/"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16.xml"/><Relationship Id="rId1" Type="http://schemas.openxmlformats.org/officeDocument/2006/relationships/slideLayout" Target="../slideLayouts/slideLayout7.xml"/><Relationship Id="rId5" Type="http://schemas.openxmlformats.org/officeDocument/2006/relationships/image" Target="../media/image2.png"/><Relationship Id="rId4" Type="http://schemas.openxmlformats.org/officeDocument/2006/relationships/image" Target="../media/image4.jpeg"/></Relationships>
</file>

<file path=ppt/slides/_rels/slide17.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image" Target="../media/image47.jpg"/><Relationship Id="rId7" Type="http://schemas.openxmlformats.org/officeDocument/2006/relationships/image" Target="../media/image4.jpeg"/><Relationship Id="rId2" Type="http://schemas.openxmlformats.org/officeDocument/2006/relationships/notesSlide" Target="../notesSlides/notesSlide17.xml"/><Relationship Id="rId1" Type="http://schemas.openxmlformats.org/officeDocument/2006/relationships/slideLayout" Target="../slideLayouts/slideLayout7.xml"/><Relationship Id="rId6" Type="http://schemas.openxmlformats.org/officeDocument/2006/relationships/hyperlink" Target="mailto:mlechleiter@results.org" TargetMode="External"/><Relationship Id="rId5" Type="http://schemas.openxmlformats.org/officeDocument/2006/relationships/hyperlink" Target="mailto:Akrupar@results.org" TargetMode="External"/><Relationship Id="rId4" Type="http://schemas.openxmlformats.org/officeDocument/2006/relationships/hyperlink" Target="mailto:tbaker@results.org" TargetMode="External"/></Relationships>
</file>

<file path=ppt/slides/_rels/slide18.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2.png"/><Relationship Id="rId4" Type="http://schemas.openxmlformats.org/officeDocument/2006/relationships/image" Target="../media/image4.jpeg"/></Relationships>
</file>

<file path=ppt/slides/_rels/slide3.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png"/><Relationship Id="rId3" Type="http://schemas.openxmlformats.org/officeDocument/2006/relationships/image" Target="../media/image6.jpe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notesSlide" Target="../notesSlides/notesSlide3.xml"/><Relationship Id="rId1" Type="http://schemas.openxmlformats.org/officeDocument/2006/relationships/slideLayout" Target="../slideLayouts/slideLayout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5" Type="http://schemas.openxmlformats.org/officeDocument/2006/relationships/image" Target="../media/image2.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 Id="rId14" Type="http://schemas.openxmlformats.org/officeDocument/2006/relationships/image" Target="../media/image4.jpeg"/></Relationships>
</file>

<file path=ppt/slides/_rels/slide4.xml.rels><?xml version="1.0" encoding="UTF-8" standalone="yes"?>
<Relationships xmlns="http://schemas.openxmlformats.org/package/2006/relationships"><Relationship Id="rId8" Type="http://schemas.openxmlformats.org/officeDocument/2006/relationships/image" Target="../media/image19.png"/><Relationship Id="rId13" Type="http://schemas.openxmlformats.org/officeDocument/2006/relationships/image" Target="../media/image22.png"/><Relationship Id="rId18" Type="http://schemas.openxmlformats.org/officeDocument/2006/relationships/hyperlink" Target="http://resultskorea-wef2015.blogspot.com/" TargetMode="External"/><Relationship Id="rId26" Type="http://schemas.openxmlformats.org/officeDocument/2006/relationships/hyperlink" Target="http://www.enetphil.ph/" TargetMode="External"/><Relationship Id="rId3" Type="http://schemas.openxmlformats.org/officeDocument/2006/relationships/image" Target="../media/image17.jpg"/><Relationship Id="rId21" Type="http://schemas.openxmlformats.org/officeDocument/2006/relationships/image" Target="../media/image26.png"/><Relationship Id="rId7" Type="http://schemas.openxmlformats.org/officeDocument/2006/relationships/hyperlink" Target="http://www.coneptrdc.org/" TargetMode="External"/><Relationship Id="rId12" Type="http://schemas.openxmlformats.org/officeDocument/2006/relationships/hyperlink" Target="http://www.new-indonesia.org/" TargetMode="External"/><Relationship Id="rId17" Type="http://schemas.openxmlformats.org/officeDocument/2006/relationships/image" Target="../media/image24.png"/><Relationship Id="rId25" Type="http://schemas.openxmlformats.org/officeDocument/2006/relationships/image" Target="../media/image28.png"/><Relationship Id="rId33" Type="http://schemas.openxmlformats.org/officeDocument/2006/relationships/image" Target="../media/image32.jpeg"/><Relationship Id="rId2" Type="http://schemas.openxmlformats.org/officeDocument/2006/relationships/notesSlide" Target="../notesSlides/notesSlide4.xml"/><Relationship Id="rId16" Type="http://schemas.openxmlformats.org/officeDocument/2006/relationships/hyperlink" Target="http://www.results-resultats.ca/en/" TargetMode="External"/><Relationship Id="rId20" Type="http://schemas.openxmlformats.org/officeDocument/2006/relationships/hyperlink" Target="http://www.results.org.au/" TargetMode="External"/><Relationship Id="rId29" Type="http://schemas.openxmlformats.org/officeDocument/2006/relationships/image" Target="../media/image30.jpeg"/><Relationship Id="rId1" Type="http://schemas.openxmlformats.org/officeDocument/2006/relationships/slideLayout" Target="../slideLayouts/slideLayout1.xml"/><Relationship Id="rId6" Type="http://schemas.openxmlformats.org/officeDocument/2006/relationships/image" Target="../media/image18.gif"/><Relationship Id="rId11" Type="http://schemas.openxmlformats.org/officeDocument/2006/relationships/image" Target="../media/image21.png"/><Relationship Id="rId24" Type="http://schemas.openxmlformats.org/officeDocument/2006/relationships/hyperlink" Target="http://csacefa.org/" TargetMode="External"/><Relationship Id="rId32" Type="http://schemas.openxmlformats.org/officeDocument/2006/relationships/hyperlink" Target="http://www.hakielimu.org/" TargetMode="External"/><Relationship Id="rId5" Type="http://schemas.openxmlformats.org/officeDocument/2006/relationships/image" Target="../media/image2.png"/><Relationship Id="rId15" Type="http://schemas.openxmlformats.org/officeDocument/2006/relationships/image" Target="../media/image23.png"/><Relationship Id="rId23" Type="http://schemas.openxmlformats.org/officeDocument/2006/relationships/image" Target="../media/image27.png"/><Relationship Id="rId28" Type="http://schemas.openxmlformats.org/officeDocument/2006/relationships/hyperlink" Target="http://www.ecozi.co.zw/" TargetMode="External"/><Relationship Id="rId10" Type="http://schemas.openxmlformats.org/officeDocument/2006/relationships/hyperlink" Target="http://campaignforeducationusa.org/" TargetMode="External"/><Relationship Id="rId19" Type="http://schemas.openxmlformats.org/officeDocument/2006/relationships/image" Target="../media/image25.png"/><Relationship Id="rId31" Type="http://schemas.openxmlformats.org/officeDocument/2006/relationships/image" Target="../media/image31.jpeg"/><Relationship Id="rId4" Type="http://schemas.openxmlformats.org/officeDocument/2006/relationships/image" Target="../media/image4.jpeg"/><Relationship Id="rId9" Type="http://schemas.openxmlformats.org/officeDocument/2006/relationships/image" Target="../media/image20.png"/><Relationship Id="rId14" Type="http://schemas.openxmlformats.org/officeDocument/2006/relationships/hyperlink" Target="http://www.results.org.uk/" TargetMode="External"/><Relationship Id="rId22" Type="http://schemas.openxmlformats.org/officeDocument/2006/relationships/hyperlink" Target="http://www.teachercc.org/index.php?lang=en" TargetMode="External"/><Relationship Id="rId27" Type="http://schemas.openxmlformats.org/officeDocument/2006/relationships/image" Target="../media/image29.png"/><Relationship Id="rId30" Type="http://schemas.openxmlformats.org/officeDocument/2006/relationships/hyperlink" Target="http://educacionparatodos.cl/"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image" Target="../media/image2.png"/><Relationship Id="rId5" Type="http://schemas.openxmlformats.org/officeDocument/2006/relationships/image" Target="../media/image4.jpeg"/><Relationship Id="rId4" Type="http://schemas.openxmlformats.org/officeDocument/2006/relationships/image" Target="../media/image34.png"/></Relationships>
</file>

<file path=ppt/slides/_rels/slide6.xml.rels><?xml version="1.0" encoding="UTF-8" standalone="yes"?>
<Relationships xmlns="http://schemas.openxmlformats.org/package/2006/relationships"><Relationship Id="rId3" Type="http://schemas.openxmlformats.org/officeDocument/2006/relationships/image" Target="../media/image35.emf"/><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chart" Target="../charts/chart1.xml"/><Relationship Id="rId5" Type="http://schemas.openxmlformats.org/officeDocument/2006/relationships/image" Target="../media/image2.png"/><Relationship Id="rId4" Type="http://schemas.openxmlformats.org/officeDocument/2006/relationships/image" Target="../media/image4.jpeg"/></Relationships>
</file>

<file path=ppt/slides/_rels/slide7.xml.rels><?xml version="1.0" encoding="UTF-8" standalone="yes"?>
<Relationships xmlns="http://schemas.openxmlformats.org/package/2006/relationships"><Relationship Id="rId3" Type="http://schemas.openxmlformats.org/officeDocument/2006/relationships/image" Target="../media/image35.emf"/><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chart" Target="../charts/chart2.xml"/><Relationship Id="rId5" Type="http://schemas.openxmlformats.org/officeDocument/2006/relationships/image" Target="../media/image2.png"/><Relationship Id="rId4" Type="http://schemas.openxmlformats.org/officeDocument/2006/relationships/image" Target="../media/image4.jpeg"/></Relationships>
</file>

<file path=ppt/slides/_rels/slide8.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35.emf"/><Relationship Id="rId7" Type="http://schemas.openxmlformats.org/officeDocument/2006/relationships/chart" Target="../charts/chart4.xml"/><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chart" Target="../charts/chart3.xml"/><Relationship Id="rId5" Type="http://schemas.openxmlformats.org/officeDocument/2006/relationships/image" Target="../media/image2.png"/><Relationship Id="rId4" Type="http://schemas.openxmlformats.org/officeDocument/2006/relationships/image" Target="../media/image4.jpeg"/></Relationships>
</file>

<file path=ppt/slides/_rels/slide9.xml.rels><?xml version="1.0" encoding="UTF-8" standalone="yes"?>
<Relationships xmlns="http://schemas.openxmlformats.org/package/2006/relationships"><Relationship Id="rId3" Type="http://schemas.openxmlformats.org/officeDocument/2006/relationships/image" Target="../media/image35.emf"/><Relationship Id="rId7" Type="http://schemas.openxmlformats.org/officeDocument/2006/relationships/chart" Target="../charts/chart6.xml"/><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chart" Target="../charts/chart5.xml"/><Relationship Id="rId5" Type="http://schemas.openxmlformats.org/officeDocument/2006/relationships/image" Target="../media/image2.png"/><Relationship Id="rId4" Type="http://schemas.openxmlformats.org/officeDocument/2006/relationships/image" Target="../media/image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423057" y="551925"/>
            <a:ext cx="10294562" cy="3108543"/>
          </a:xfrm>
          <a:prstGeom prst="rect">
            <a:avLst/>
          </a:prstGeom>
          <a:noFill/>
        </p:spPr>
        <p:txBody>
          <a:bodyPr wrap="square" rtlCol="0">
            <a:spAutoFit/>
          </a:bodyPr>
          <a:lstStyle/>
          <a:p>
            <a:r>
              <a:rPr lang="en-US" sz="4000" dirty="0">
                <a:solidFill>
                  <a:schemeClr val="bg1"/>
                </a:solidFill>
                <a:latin typeface="Helvetica" panose="020B0604020202020204" pitchFamily="34" charset="0"/>
                <a:cs typeface="Helvetica" panose="020B0604020202020204" pitchFamily="34" charset="0"/>
              </a:rPr>
              <a:t>RIGHT TO </a:t>
            </a:r>
          </a:p>
          <a:p>
            <a:r>
              <a:rPr lang="en-US" sz="4000" dirty="0">
                <a:solidFill>
                  <a:schemeClr val="bg1"/>
                </a:solidFill>
                <a:latin typeface="Helvetica" panose="020B0604020202020204" pitchFamily="34" charset="0"/>
                <a:cs typeface="Helvetica" panose="020B0604020202020204" pitchFamily="34" charset="0"/>
              </a:rPr>
              <a:t>EDUCATION INDEX</a:t>
            </a:r>
          </a:p>
          <a:p>
            <a:endParaRPr lang="en-US" sz="4800" dirty="0">
              <a:solidFill>
                <a:schemeClr val="bg1"/>
              </a:solidFill>
              <a:latin typeface="Helvetica" panose="020B0604020202020204" pitchFamily="34" charset="0"/>
              <a:cs typeface="Helvetica" panose="020B0604020202020204" pitchFamily="34" charset="0"/>
            </a:endParaRPr>
          </a:p>
          <a:p>
            <a:r>
              <a:rPr lang="en-US" sz="4400" dirty="0">
                <a:solidFill>
                  <a:schemeClr val="bg1"/>
                </a:solidFill>
                <a:latin typeface="Helvetica" panose="020B0604020202020204" pitchFamily="34" charset="0"/>
                <a:cs typeface="Helvetica" panose="020B0604020202020204" pitchFamily="34" charset="0"/>
              </a:rPr>
              <a:t>2017 Partners Meeting</a:t>
            </a:r>
            <a:endParaRPr lang="en-US" sz="9600" dirty="0">
              <a:solidFill>
                <a:schemeClr val="bg1"/>
              </a:solidFill>
              <a:latin typeface="Helvetica" panose="020B0604020202020204" pitchFamily="34" charset="0"/>
              <a:cs typeface="Helvetica" panose="020B0604020202020204" pitchFamily="34" charset="0"/>
            </a:endParaRPr>
          </a:p>
          <a:p>
            <a:endParaRPr lang="en-US" sz="2400" dirty="0">
              <a:solidFill>
                <a:schemeClr val="bg1"/>
              </a:solidFill>
              <a:latin typeface="Helvetica" panose="020B0604020202020204" pitchFamily="34" charset="0"/>
              <a:cs typeface="Helvetica" panose="020B0604020202020204" pitchFamily="34" charset="0"/>
            </a:endParaRPr>
          </a:p>
        </p:txBody>
      </p:sp>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371214" y="5879804"/>
            <a:ext cx="1859350" cy="978196"/>
          </a:xfrm>
          <a:prstGeom prst="rect">
            <a:avLst/>
          </a:prstGeom>
        </p:spPr>
      </p:pic>
      <p:sp>
        <p:nvSpPr>
          <p:cNvPr id="9" name="TextBox 8"/>
          <p:cNvSpPr txBox="1"/>
          <p:nvPr/>
        </p:nvSpPr>
        <p:spPr>
          <a:xfrm>
            <a:off x="423057" y="4285449"/>
            <a:ext cx="6777843" cy="1107996"/>
          </a:xfrm>
          <a:prstGeom prst="rect">
            <a:avLst/>
          </a:prstGeom>
          <a:noFill/>
        </p:spPr>
        <p:txBody>
          <a:bodyPr wrap="square" rtlCol="0">
            <a:spAutoFit/>
          </a:bodyPr>
          <a:lstStyle/>
          <a:p>
            <a:r>
              <a:rPr lang="en-US" sz="2200" dirty="0">
                <a:solidFill>
                  <a:schemeClr val="bg1"/>
                </a:solidFill>
                <a:latin typeface="Helvetica" panose="020B0604020202020204" pitchFamily="34" charset="0"/>
                <a:cs typeface="Helvetica" panose="020B0604020202020204" pitchFamily="34" charset="0"/>
              </a:rPr>
              <a:t>Tony Baker, Associate Director, Global Education</a:t>
            </a:r>
          </a:p>
          <a:p>
            <a:r>
              <a:rPr lang="en-US" sz="2200" dirty="0">
                <a:solidFill>
                  <a:schemeClr val="bg1"/>
                </a:solidFill>
                <a:latin typeface="Helvetica" panose="020B0604020202020204" pitchFamily="34" charset="0"/>
                <a:cs typeface="Helvetica" panose="020B0604020202020204" pitchFamily="34" charset="0"/>
              </a:rPr>
              <a:t>Ally Krupar, Senior Associate, RTEI</a:t>
            </a:r>
          </a:p>
          <a:p>
            <a:r>
              <a:rPr lang="en-US" sz="2200" dirty="0" err="1">
                <a:solidFill>
                  <a:schemeClr val="bg1"/>
                </a:solidFill>
                <a:latin typeface="Helvetica" panose="020B0604020202020204" pitchFamily="34" charset="0"/>
                <a:cs typeface="Helvetica" panose="020B0604020202020204" pitchFamily="34" charset="0"/>
              </a:rPr>
              <a:t>Mili</a:t>
            </a:r>
            <a:r>
              <a:rPr lang="en-US" sz="2200" dirty="0">
                <a:solidFill>
                  <a:schemeClr val="bg1"/>
                </a:solidFill>
                <a:latin typeface="Helvetica" panose="020B0604020202020204" pitchFamily="34" charset="0"/>
                <a:cs typeface="Helvetica" panose="020B0604020202020204" pitchFamily="34" charset="0"/>
              </a:rPr>
              <a:t> Lechleiter, Global Education Associate</a:t>
            </a: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397026" y="5815408"/>
            <a:ext cx="1935217" cy="1199835"/>
          </a:xfrm>
          <a:prstGeom prst="rect">
            <a:avLst/>
          </a:prstGeom>
        </p:spPr>
      </p:pic>
      <p:sp>
        <p:nvSpPr>
          <p:cNvPr id="3" name="TextBox 2"/>
          <p:cNvSpPr txBox="1"/>
          <p:nvPr/>
        </p:nvSpPr>
        <p:spPr>
          <a:xfrm>
            <a:off x="156417" y="1"/>
            <a:ext cx="6930183" cy="6709529"/>
          </a:xfrm>
          <a:prstGeom prst="rect">
            <a:avLst/>
          </a:prstGeom>
          <a:solidFill>
            <a:schemeClr val="bg1"/>
          </a:solidFill>
        </p:spPr>
        <p:txBody>
          <a:bodyPr wrap="square" rtlCol="0">
            <a:spAutoFit/>
          </a:bodyPr>
          <a:lstStyle/>
          <a:p>
            <a:endParaRPr lang="en-US" sz="5400" dirty="0">
              <a:solidFill>
                <a:schemeClr val="tx1">
                  <a:lumMod val="75000"/>
                  <a:lumOff val="25000"/>
                </a:schemeClr>
              </a:solidFill>
              <a:latin typeface="Helvetica" panose="020B0604020202020204" pitchFamily="34" charset="0"/>
              <a:cs typeface="Helvetica" panose="020B0604020202020204" pitchFamily="34" charset="0"/>
            </a:endParaRPr>
          </a:p>
          <a:p>
            <a:r>
              <a:rPr lang="en-US" sz="5400" dirty="0">
                <a:solidFill>
                  <a:schemeClr val="tx1">
                    <a:lumMod val="75000"/>
                    <a:lumOff val="25000"/>
                  </a:schemeClr>
                </a:solidFill>
                <a:latin typeface="Helvetica" panose="020B0604020202020204" pitchFamily="34" charset="0"/>
                <a:cs typeface="Helvetica" panose="020B0604020202020204" pitchFamily="34" charset="0"/>
              </a:rPr>
              <a:t>Monitoring the right to education worldwide: From Research to Action</a:t>
            </a:r>
          </a:p>
          <a:p>
            <a:endParaRPr lang="en-US" sz="4000" dirty="0">
              <a:latin typeface="Helvetica" panose="020B0604020202020204" pitchFamily="34" charset="0"/>
              <a:cs typeface="Helvetica" panose="020B0604020202020204" pitchFamily="34" charset="0"/>
            </a:endParaRPr>
          </a:p>
          <a:p>
            <a:r>
              <a:rPr lang="en-US" sz="4000" dirty="0">
                <a:solidFill>
                  <a:schemeClr val="bg1">
                    <a:lumMod val="50000"/>
                  </a:schemeClr>
                </a:solidFill>
                <a:latin typeface="Helvetica" panose="020B0604020202020204" pitchFamily="34" charset="0"/>
                <a:cs typeface="Helvetica" panose="020B0604020202020204" pitchFamily="34" charset="0"/>
              </a:rPr>
              <a:t>24 July 2017</a:t>
            </a:r>
          </a:p>
          <a:p>
            <a:endParaRPr lang="en-US" sz="4000" dirty="0">
              <a:solidFill>
                <a:schemeClr val="bg1">
                  <a:lumMod val="50000"/>
                </a:schemeClr>
              </a:solidFill>
              <a:latin typeface="Helvetica" panose="020B0604020202020204" pitchFamily="34" charset="0"/>
              <a:cs typeface="Helvetica" panose="020B0604020202020204" pitchFamily="34" charset="0"/>
            </a:endParaRPr>
          </a:p>
          <a:p>
            <a:endParaRPr lang="en-US" sz="4000" dirty="0">
              <a:solidFill>
                <a:schemeClr val="bg1">
                  <a:lumMod val="50000"/>
                </a:schemeClr>
              </a:solidFill>
              <a:latin typeface="Helvetica" panose="020B0604020202020204" pitchFamily="34" charset="0"/>
              <a:cs typeface="Helvetica" panose="020B0604020202020204" pitchFamily="34" charset="0"/>
            </a:endParaRPr>
          </a:p>
        </p:txBody>
      </p:sp>
      <p:grpSp>
        <p:nvGrpSpPr>
          <p:cNvPr id="4" name="Group 4"/>
          <p:cNvGrpSpPr>
            <a:grpSpLocks noChangeAspect="1"/>
          </p:cNvGrpSpPr>
          <p:nvPr/>
        </p:nvGrpSpPr>
        <p:grpSpPr bwMode="auto">
          <a:xfrm>
            <a:off x="5872164" y="-82550"/>
            <a:ext cx="6407150" cy="8034338"/>
            <a:chOff x="3699" y="-52"/>
            <a:chExt cx="4036" cy="5061"/>
          </a:xfrm>
        </p:grpSpPr>
        <p:sp>
          <p:nvSpPr>
            <p:cNvPr id="5" name="AutoShape 3"/>
            <p:cNvSpPr>
              <a:spLocks noChangeAspect="1" noChangeArrowheads="1" noTextEdit="1"/>
            </p:cNvSpPr>
            <p:nvPr/>
          </p:nvSpPr>
          <p:spPr bwMode="auto">
            <a:xfrm>
              <a:off x="3699" y="-52"/>
              <a:ext cx="4031" cy="49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pic>
          <p:nvPicPr>
            <p:cNvPr id="1029" name="Picture 5"/>
            <p:cNvPicPr>
              <a:picLocks noChangeAspect="1" noChangeArrowheads="1"/>
            </p:cNvPicPr>
            <p:nvPr/>
          </p:nvPicPr>
          <p:blipFill rotWithShape="1">
            <a:blip r:embed="rId5">
              <a:extLst>
                <a:ext uri="{28A0092B-C50C-407E-A947-70E740481C1C}">
                  <a14:useLocalDpi xmlns:a14="http://schemas.microsoft.com/office/drawing/2010/main" val="0"/>
                </a:ext>
              </a:extLst>
            </a:blip>
            <a:srcRect l="54176"/>
            <a:stretch/>
          </p:blipFill>
          <p:spPr bwMode="auto">
            <a:xfrm>
              <a:off x="4755" y="12"/>
              <a:ext cx="2980" cy="4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19" name="Rectangle 18"/>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20" name="Picture 1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21" name="Picture 2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22" name="Rectangle 21"/>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23" name="Picture 2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24" name="Picture 2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Tree>
    <p:extLst>
      <p:ext uri="{BB962C8B-B14F-4D97-AF65-F5344CB8AC3E}">
        <p14:creationId xmlns:p14="http://schemas.microsoft.com/office/powerpoint/2010/main" val="23963031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7123" y="-419780"/>
            <a:ext cx="12209123" cy="9419272"/>
          </a:xfrm>
          <a:prstGeom prst="rect">
            <a:avLst/>
          </a:prstGeom>
        </p:spPr>
      </p:pic>
      <p:sp>
        <p:nvSpPr>
          <p:cNvPr id="3" name="Rectangle 32"/>
          <p:cNvSpPr>
            <a:spLocks noChangeArrowheads="1"/>
          </p:cNvSpPr>
          <p:nvPr/>
        </p:nvSpPr>
        <p:spPr bwMode="auto">
          <a:xfrm>
            <a:off x="-17123" y="0"/>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3350766" y="436287"/>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Adaptability Highlights</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graphicFrame>
        <p:nvGraphicFramePr>
          <p:cNvPr id="20" name="Chart 19"/>
          <p:cNvGraphicFramePr/>
          <p:nvPr>
            <p:extLst>
              <p:ext uri="{D42A27DB-BD31-4B8C-83A1-F6EECF244321}">
                <p14:modId xmlns:p14="http://schemas.microsoft.com/office/powerpoint/2010/main" val="3032282803"/>
              </p:ext>
            </p:extLst>
          </p:nvPr>
        </p:nvGraphicFramePr>
        <p:xfrm>
          <a:off x="7049728" y="1021062"/>
          <a:ext cx="4822723" cy="5109282"/>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23" name="Chart 22">
            <a:extLst/>
          </p:cNvPr>
          <p:cNvGraphicFramePr/>
          <p:nvPr>
            <p:extLst>
              <p:ext uri="{D42A27DB-BD31-4B8C-83A1-F6EECF244321}">
                <p14:modId xmlns:p14="http://schemas.microsoft.com/office/powerpoint/2010/main" val="3595541682"/>
              </p:ext>
            </p:extLst>
          </p:nvPr>
        </p:nvGraphicFramePr>
        <p:xfrm>
          <a:off x="608519" y="1021062"/>
          <a:ext cx="5668456" cy="5109282"/>
        </p:xfrm>
        <a:graphic>
          <a:graphicData uri="http://schemas.openxmlformats.org/drawingml/2006/chart">
            <c:chart xmlns:c="http://schemas.openxmlformats.org/drawingml/2006/chart" xmlns:r="http://schemas.openxmlformats.org/officeDocument/2006/relationships" r:id="rId7"/>
          </a:graphicData>
        </a:graphic>
      </p:graphicFrame>
    </p:spTree>
    <p:extLst>
      <p:ext uri="{BB962C8B-B14F-4D97-AF65-F5344CB8AC3E}">
        <p14:creationId xmlns:p14="http://schemas.microsoft.com/office/powerpoint/2010/main" val="382494246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44"/>
          <a:stretch>
            <a:fillRect/>
          </a:stretch>
        </p:blipFill>
        <p:spPr>
          <a:xfrm>
            <a:off x="3725" y="-705774"/>
            <a:ext cx="12193379" cy="9428675"/>
          </a:xfrm>
          <a:prstGeom prst="rect">
            <a:avLst/>
          </a:prstGeom>
        </p:spPr>
      </p:pic>
      <p:sp>
        <p:nvSpPr>
          <p:cNvPr id="2384" name="Rectangle 32"/>
          <p:cNvSpPr>
            <a:spLocks noChangeArrowheads="1"/>
          </p:cNvSpPr>
          <p:nvPr/>
        </p:nvSpPr>
        <p:spPr bwMode="auto">
          <a:xfrm flipH="1">
            <a:off x="0" y="-31867"/>
            <a:ext cx="12192001" cy="6858000"/>
          </a:xfrm>
          <a:prstGeom prst="rect">
            <a:avLst/>
          </a:prstGeom>
          <a:solidFill>
            <a:srgbClr val="FFFFFF">
              <a:alpha val="7098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2009" name="OTLSHAPE_T_622be800e0f04ee09596a768f4d10002_ShapePercentage" hidden="1"/>
          <p:cNvSpPr/>
          <p:nvPr>
            <p:custDataLst>
              <p:tags r:id="rId2"/>
            </p:custDataLst>
          </p:nvPr>
        </p:nvSpPr>
        <p:spPr>
          <a:xfrm>
            <a:off x="5154480" y="483480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0" name="OTLSHAPE_T_622be800e0f04ee09596a768f4d10002_Duration" hidden="1"/>
          <p:cNvSpPr txBox="1"/>
          <p:nvPr>
            <p:custDataLst>
              <p:tags r:id="rId3"/>
            </p:custDataLst>
          </p:nvPr>
        </p:nvSpPr>
        <p:spPr>
          <a:xfrm>
            <a:off x="0" y="4664287"/>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6 days</a:t>
            </a:r>
          </a:p>
        </p:txBody>
      </p:sp>
      <p:sp>
        <p:nvSpPr>
          <p:cNvPr id="2011" name="OTLSHAPE_T_622be800e0f04ee09596a768f4d10002_TextPercentage" hidden="1"/>
          <p:cNvSpPr txBox="1"/>
          <p:nvPr>
            <p:custDataLst>
              <p:tags r:id="rId4"/>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12" name="OTLSHAPE_T_622be800e0f04ee09596a768f4d10002_JoinedDate" hidden="1"/>
          <p:cNvSpPr txBox="1"/>
          <p:nvPr>
            <p:custDataLst>
              <p:tags r:id="rId5"/>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17" name="OTLSHAPE_T_3cde4e7d0c9b4193b619da74eae4e8f6_ShapePercentage" hidden="1"/>
          <p:cNvSpPr/>
          <p:nvPr>
            <p:custDataLst>
              <p:tags r:id="rId6"/>
            </p:custDataLst>
          </p:nvPr>
        </p:nvSpPr>
        <p:spPr>
          <a:xfrm>
            <a:off x="1432971" y="510150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8" name="OTLSHAPE_T_3cde4e7d0c9b4193b619da74eae4e8f6_Duration" hidden="1"/>
          <p:cNvSpPr txBox="1"/>
          <p:nvPr>
            <p:custDataLst>
              <p:tags r:id="rId7"/>
            </p:custDataLst>
          </p:nvPr>
        </p:nvSpPr>
        <p:spPr>
          <a:xfrm>
            <a:off x="0" y="5101505"/>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03 days</a:t>
            </a:r>
          </a:p>
        </p:txBody>
      </p:sp>
      <p:sp>
        <p:nvSpPr>
          <p:cNvPr id="2019" name="OTLSHAPE_T_3cde4e7d0c9b4193b619da74eae4e8f6_TextPercentage" hidden="1"/>
          <p:cNvSpPr txBox="1"/>
          <p:nvPr>
            <p:custDataLst>
              <p:tags r:id="rId8"/>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20" name="OTLSHAPE_T_3cde4e7d0c9b4193b619da74eae4e8f6_JoinedDate" hidden="1"/>
          <p:cNvSpPr txBox="1"/>
          <p:nvPr>
            <p:custDataLst>
              <p:tags r:id="rId9"/>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25" name="OTLSHAPE_T_de416c791dc8464ab046746eab83279a_ShapePercentage" hidden="1"/>
          <p:cNvSpPr/>
          <p:nvPr>
            <p:custDataLst>
              <p:tags r:id="rId10"/>
            </p:custDataLst>
          </p:nvPr>
        </p:nvSpPr>
        <p:spPr>
          <a:xfrm>
            <a:off x="6898242" y="570924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6" name="OTLSHAPE_T_de416c791dc8464ab046746eab83279a_Duration" hidden="1"/>
          <p:cNvSpPr txBox="1"/>
          <p:nvPr>
            <p:custDataLst>
              <p:tags r:id="rId11"/>
            </p:custDataLst>
          </p:nvPr>
        </p:nvSpPr>
        <p:spPr>
          <a:xfrm>
            <a:off x="0" y="5368205"/>
            <a:ext cx="2794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 day</a:t>
            </a:r>
          </a:p>
        </p:txBody>
      </p:sp>
      <p:sp>
        <p:nvSpPr>
          <p:cNvPr id="2027" name="OTLSHAPE_T_de416c791dc8464ab046746eab83279a_TextPercentage" hidden="1"/>
          <p:cNvSpPr txBox="1"/>
          <p:nvPr>
            <p:custDataLst>
              <p:tags r:id="rId12"/>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28" name="OTLSHAPE_T_de416c791dc8464ab046746eab83279a_JoinedDate" hidden="1"/>
          <p:cNvSpPr txBox="1"/>
          <p:nvPr>
            <p:custDataLst>
              <p:tags r:id="rId13"/>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33" name="OTLSHAPE_T_e1366acd8c3c4f9586a0a5f9477327e8_ShapePercentage" hidden="1"/>
          <p:cNvSpPr/>
          <p:nvPr>
            <p:custDataLst>
              <p:tags r:id="rId14"/>
            </p:custDataLst>
          </p:nvPr>
        </p:nvSpPr>
        <p:spPr>
          <a:xfrm>
            <a:off x="2541624" y="597594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4" name="OTLSHAPE_T_e1366acd8c3c4f9586a0a5f9477327e8_Duration" hidden="1"/>
          <p:cNvSpPr txBox="1"/>
          <p:nvPr>
            <p:custDataLst>
              <p:tags r:id="rId15"/>
            </p:custDataLst>
          </p:nvPr>
        </p:nvSpPr>
        <p:spPr>
          <a:xfrm>
            <a:off x="0" y="5975943"/>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62 days</a:t>
            </a:r>
          </a:p>
        </p:txBody>
      </p:sp>
      <p:sp>
        <p:nvSpPr>
          <p:cNvPr id="2035" name="OTLSHAPE_T_e1366acd8c3c4f9586a0a5f9477327e8_TextPercentage" hidden="1"/>
          <p:cNvSpPr txBox="1"/>
          <p:nvPr>
            <p:custDataLst>
              <p:tags r:id="rId16"/>
            </p:custDataLst>
          </p:nvPr>
        </p:nvSpPr>
        <p:spPr>
          <a:xfrm>
            <a:off x="0" y="613096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36" name="OTLSHAPE_T_e1366acd8c3c4f9586a0a5f9477327e8_JoinedDate" hidden="1"/>
          <p:cNvSpPr txBox="1"/>
          <p:nvPr>
            <p:custDataLst>
              <p:tags r:id="rId17"/>
            </p:custDataLst>
          </p:nvPr>
        </p:nvSpPr>
        <p:spPr>
          <a:xfrm>
            <a:off x="0" y="613096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41" name="OTLSHAPE_T_b7f937a803e54e76b898d8a8189d19e1_ShapePercentage" hidden="1"/>
          <p:cNvSpPr/>
          <p:nvPr>
            <p:custDataLst>
              <p:tags r:id="rId18"/>
            </p:custDataLst>
          </p:nvPr>
        </p:nvSpPr>
        <p:spPr>
          <a:xfrm>
            <a:off x="7572347" y="641316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2" name="OTLSHAPE_T_b7f937a803e54e76b898d8a8189d19e1_Duration" hidden="1"/>
          <p:cNvSpPr txBox="1"/>
          <p:nvPr>
            <p:custDataLst>
              <p:tags r:id="rId19"/>
            </p:custDataLst>
          </p:nvPr>
        </p:nvSpPr>
        <p:spPr>
          <a:xfrm>
            <a:off x="0" y="6242643"/>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1 days</a:t>
            </a:r>
          </a:p>
        </p:txBody>
      </p:sp>
      <p:sp>
        <p:nvSpPr>
          <p:cNvPr id="2043" name="OTLSHAPE_T_b7f937a803e54e76b898d8a8189d19e1_TextPercentage" hidden="1"/>
          <p:cNvSpPr txBox="1"/>
          <p:nvPr>
            <p:custDataLst>
              <p:tags r:id="rId20"/>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44" name="OTLSHAPE_T_b7f937a803e54e76b898d8a8189d19e1_JoinedDate" hidden="1"/>
          <p:cNvSpPr txBox="1"/>
          <p:nvPr>
            <p:custDataLst>
              <p:tags r:id="rId21"/>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49" name="OTLSHAPE_T_485975d2d2c94e03b27f894bc5b8eb4b_ShapePercentage" hidden="1"/>
          <p:cNvSpPr/>
          <p:nvPr>
            <p:custDataLst>
              <p:tags r:id="rId22"/>
            </p:custDataLst>
          </p:nvPr>
        </p:nvSpPr>
        <p:spPr>
          <a:xfrm>
            <a:off x="7967897" y="685038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50" name="OTLSHAPE_T_485975d2d2c94e03b27f894bc5b8eb4b_Duration" hidden="1"/>
          <p:cNvSpPr txBox="1"/>
          <p:nvPr>
            <p:custDataLst>
              <p:tags r:id="rId23"/>
            </p:custDataLst>
          </p:nvPr>
        </p:nvSpPr>
        <p:spPr>
          <a:xfrm>
            <a:off x="0" y="667986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3 days</a:t>
            </a:r>
          </a:p>
        </p:txBody>
      </p:sp>
      <p:sp>
        <p:nvSpPr>
          <p:cNvPr id="2051" name="OTLSHAPE_T_485975d2d2c94e03b27f894bc5b8eb4b_TextPercentage" hidden="1"/>
          <p:cNvSpPr txBox="1"/>
          <p:nvPr>
            <p:custDataLst>
              <p:tags r:id="rId24"/>
            </p:custDataLst>
          </p:nvPr>
        </p:nvSpPr>
        <p:spPr>
          <a:xfrm>
            <a:off x="0" y="6834886"/>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52" name="OTLSHAPE_T_485975d2d2c94e03b27f894bc5b8eb4b_JoinedDate" hidden="1"/>
          <p:cNvSpPr txBox="1"/>
          <p:nvPr>
            <p:custDataLst>
              <p:tags r:id="rId25"/>
            </p:custDataLst>
          </p:nvPr>
        </p:nvSpPr>
        <p:spPr>
          <a:xfrm>
            <a:off x="0" y="683488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57" name="OTLSHAPE_T_10b2240f7e24454abddbdc658e2299d8_ShapePercentage" hidden="1"/>
          <p:cNvSpPr/>
          <p:nvPr>
            <p:custDataLst>
              <p:tags r:id="rId26"/>
            </p:custDataLst>
          </p:nvPr>
        </p:nvSpPr>
        <p:spPr>
          <a:xfrm>
            <a:off x="5555601" y="728759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58" name="OTLSHAPE_T_10b2240f7e24454abddbdc658e2299d8_Duration" hidden="1"/>
          <p:cNvSpPr txBox="1"/>
          <p:nvPr>
            <p:custDataLst>
              <p:tags r:id="rId27"/>
            </p:custDataLst>
          </p:nvPr>
        </p:nvSpPr>
        <p:spPr>
          <a:xfrm>
            <a:off x="0" y="711708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7 days</a:t>
            </a:r>
          </a:p>
        </p:txBody>
      </p:sp>
      <p:sp>
        <p:nvSpPr>
          <p:cNvPr id="2059" name="OTLSHAPE_T_10b2240f7e24454abddbdc658e2299d8_TextPercentage" hidden="1"/>
          <p:cNvSpPr txBox="1"/>
          <p:nvPr>
            <p:custDataLst>
              <p:tags r:id="rId28"/>
            </p:custDataLst>
          </p:nvPr>
        </p:nvSpPr>
        <p:spPr>
          <a:xfrm>
            <a:off x="0" y="727210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60" name="OTLSHAPE_T_10b2240f7e24454abddbdc658e2299d8_JoinedDate" hidden="1"/>
          <p:cNvSpPr txBox="1"/>
          <p:nvPr>
            <p:custDataLst>
              <p:tags r:id="rId29"/>
            </p:custDataLst>
          </p:nvPr>
        </p:nvSpPr>
        <p:spPr>
          <a:xfrm>
            <a:off x="0" y="727210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65" name="OTLSHAPE_T_b966044ea93a4a8e8c4d5fd017a3dad5_ShapePercentage" hidden="1"/>
          <p:cNvSpPr/>
          <p:nvPr>
            <p:custDataLst>
              <p:tags r:id="rId30"/>
            </p:custDataLst>
          </p:nvPr>
        </p:nvSpPr>
        <p:spPr>
          <a:xfrm>
            <a:off x="5928866" y="772481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66" name="OTLSHAPE_T_b966044ea93a4a8e8c4d5fd017a3dad5_Duration" hidden="1"/>
          <p:cNvSpPr txBox="1"/>
          <p:nvPr>
            <p:custDataLst>
              <p:tags r:id="rId31"/>
            </p:custDataLst>
          </p:nvPr>
        </p:nvSpPr>
        <p:spPr>
          <a:xfrm>
            <a:off x="0" y="7554299"/>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4 days</a:t>
            </a:r>
          </a:p>
        </p:txBody>
      </p:sp>
      <p:sp>
        <p:nvSpPr>
          <p:cNvPr id="2067" name="OTLSHAPE_T_b966044ea93a4a8e8c4d5fd017a3dad5_TextPercentage" hidden="1"/>
          <p:cNvSpPr txBox="1"/>
          <p:nvPr>
            <p:custDataLst>
              <p:tags r:id="rId32"/>
            </p:custDataLst>
          </p:nvPr>
        </p:nvSpPr>
        <p:spPr>
          <a:xfrm>
            <a:off x="0" y="770932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68" name="OTLSHAPE_T_b966044ea93a4a8e8c4d5fd017a3dad5_JoinedDate" hidden="1"/>
          <p:cNvSpPr txBox="1"/>
          <p:nvPr>
            <p:custDataLst>
              <p:tags r:id="rId33"/>
            </p:custDataLst>
          </p:nvPr>
        </p:nvSpPr>
        <p:spPr>
          <a:xfrm>
            <a:off x="0" y="770932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73" name="OTLSHAPE_T_61856bbb2fcb427cbf2badf614aada68_ShapePercentage" hidden="1"/>
          <p:cNvSpPr/>
          <p:nvPr>
            <p:custDataLst>
              <p:tags r:id="rId34"/>
            </p:custDataLst>
          </p:nvPr>
        </p:nvSpPr>
        <p:spPr>
          <a:xfrm>
            <a:off x="8976270" y="799151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74" name="OTLSHAPE_T_61856bbb2fcb427cbf2badf614aada68_Duration" hidden="1"/>
          <p:cNvSpPr txBox="1"/>
          <p:nvPr>
            <p:custDataLst>
              <p:tags r:id="rId35"/>
            </p:custDataLst>
          </p:nvPr>
        </p:nvSpPr>
        <p:spPr>
          <a:xfrm>
            <a:off x="0" y="7991518"/>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76 days</a:t>
            </a:r>
          </a:p>
        </p:txBody>
      </p:sp>
      <p:sp>
        <p:nvSpPr>
          <p:cNvPr id="2075" name="OTLSHAPE_T_61856bbb2fcb427cbf2badf614aada68_TextPercentage" hidden="1"/>
          <p:cNvSpPr txBox="1"/>
          <p:nvPr>
            <p:custDataLst>
              <p:tags r:id="rId36"/>
            </p:custDataLst>
          </p:nvPr>
        </p:nvSpPr>
        <p:spPr>
          <a:xfrm>
            <a:off x="0" y="8146542"/>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76" name="OTLSHAPE_T_61856bbb2fcb427cbf2badf614aada68_JoinedDate" hidden="1"/>
          <p:cNvSpPr txBox="1"/>
          <p:nvPr>
            <p:custDataLst>
              <p:tags r:id="rId37"/>
            </p:custDataLst>
          </p:nvPr>
        </p:nvSpPr>
        <p:spPr>
          <a:xfrm>
            <a:off x="0" y="814654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81" name="OTLSHAPE_T_a06656e249c1439e9f17dee98ac344be_ShapePercentage" hidden="1"/>
          <p:cNvSpPr/>
          <p:nvPr>
            <p:custDataLst>
              <p:tags r:id="rId38"/>
            </p:custDataLst>
          </p:nvPr>
        </p:nvSpPr>
        <p:spPr>
          <a:xfrm>
            <a:off x="6942810" y="842873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2" name="OTLSHAPE_T_a06656e249c1439e9f17dee98ac344be_Duration" hidden="1"/>
          <p:cNvSpPr txBox="1"/>
          <p:nvPr>
            <p:custDataLst>
              <p:tags r:id="rId39"/>
            </p:custDataLst>
          </p:nvPr>
        </p:nvSpPr>
        <p:spPr>
          <a:xfrm>
            <a:off x="0" y="8258218"/>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7 days</a:t>
            </a:r>
          </a:p>
        </p:txBody>
      </p:sp>
      <p:sp>
        <p:nvSpPr>
          <p:cNvPr id="2083" name="OTLSHAPE_T_a06656e249c1439e9f17dee98ac344be_TextPercentage" hidden="1"/>
          <p:cNvSpPr txBox="1"/>
          <p:nvPr>
            <p:custDataLst>
              <p:tags r:id="rId40"/>
            </p:custDataLst>
          </p:nvPr>
        </p:nvSpPr>
        <p:spPr>
          <a:xfrm>
            <a:off x="0" y="8413242"/>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84" name="OTLSHAPE_T_a06656e249c1439e9f17dee98ac344be_JoinedDate" hidden="1"/>
          <p:cNvSpPr txBox="1"/>
          <p:nvPr>
            <p:custDataLst>
              <p:tags r:id="rId41"/>
            </p:custDataLst>
          </p:nvPr>
        </p:nvSpPr>
        <p:spPr>
          <a:xfrm>
            <a:off x="0" y="841324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 name="TextBox 1"/>
          <p:cNvSpPr txBox="1"/>
          <p:nvPr/>
        </p:nvSpPr>
        <p:spPr>
          <a:xfrm>
            <a:off x="1424302" y="527057"/>
            <a:ext cx="7033589" cy="2492990"/>
          </a:xfrm>
          <a:prstGeom prst="rect">
            <a:avLst/>
          </a:prstGeom>
          <a:noFill/>
        </p:spPr>
        <p:txBody>
          <a:bodyPr wrap="square" rtlCol="0">
            <a:spAutoFit/>
          </a:bodyPr>
          <a:lstStyle/>
          <a:p>
            <a:r>
              <a:rPr lang="en-US" sz="4800" dirty="0">
                <a:latin typeface="Helvetica" panose="020B0604020202020204" pitchFamily="34" charset="0"/>
                <a:cs typeface="Helvetica" panose="020B0604020202020204" pitchFamily="34" charset="0"/>
              </a:rPr>
              <a:t>Research to Action</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Partners’ meeting</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Advocacy Strategies</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Evidence-base</a:t>
            </a:r>
          </a:p>
        </p:txBody>
      </p:sp>
      <p:sp>
        <p:nvSpPr>
          <p:cNvPr id="50" name="Rectangle 49"/>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51" name="Picture 50"/>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52" name="Picture 51"/>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53" name="Rectangle 52"/>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54" name="Picture 53"/>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55" name="Picture 54"/>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57"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pic>
        <p:nvPicPr>
          <p:cNvPr id="6" name="Picture 5"/>
          <p:cNvPicPr>
            <a:picLocks noChangeAspect="1"/>
          </p:cNvPicPr>
          <p:nvPr/>
        </p:nvPicPr>
        <p:blipFill rotWithShape="1">
          <a:blip r:embed="rId47">
            <a:extLst>
              <a:ext uri="{BEBA8EAE-BF5A-486C-A8C5-ECC9F3942E4B}">
                <a14:imgProps xmlns:a14="http://schemas.microsoft.com/office/drawing/2010/main">
                  <a14:imgLayer r:embed="rId48">
                    <a14:imgEffect>
                      <a14:sharpenSoften amount="25000"/>
                    </a14:imgEffect>
                  </a14:imgLayer>
                </a14:imgProps>
              </a:ext>
              <a:ext uri="{28A0092B-C50C-407E-A947-70E740481C1C}">
                <a14:useLocalDpi xmlns:a14="http://schemas.microsoft.com/office/drawing/2010/main" val="0"/>
              </a:ext>
            </a:extLst>
          </a:blip>
          <a:srcRect t="26102"/>
          <a:stretch/>
        </p:blipFill>
        <p:spPr>
          <a:xfrm>
            <a:off x="2148573" y="3058962"/>
            <a:ext cx="7147148" cy="2976132"/>
          </a:xfrm>
          <a:prstGeom prst="rect">
            <a:avLst/>
          </a:prstGeom>
          <a:ln>
            <a:noFill/>
          </a:ln>
          <a:effectLst>
            <a:outerShdw blurRad="292100" dist="139700" dir="2700000" algn="tl" rotWithShape="0">
              <a:srgbClr val="333333">
                <a:alpha val="65000"/>
              </a:srgbClr>
            </a:outerShdw>
          </a:effectLst>
        </p:spPr>
      </p:pic>
    </p:spTree>
    <p:custDataLst>
      <p:tags r:id="rId1"/>
    </p:custDataLst>
    <p:extLst>
      <p:ext uri="{BB962C8B-B14F-4D97-AF65-F5344CB8AC3E}">
        <p14:creationId xmlns:p14="http://schemas.microsoft.com/office/powerpoint/2010/main" val="335216183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71142" y="-4493743"/>
            <a:ext cx="12181818" cy="19206317"/>
          </a:xfrm>
          <a:prstGeom prst="rect">
            <a:avLst/>
          </a:prstGeom>
        </p:spPr>
      </p:pic>
      <p:sp>
        <p:nvSpPr>
          <p:cNvPr id="3" name="Rectangle 32"/>
          <p:cNvSpPr>
            <a:spLocks noChangeArrowheads="1"/>
          </p:cNvSpPr>
          <p:nvPr/>
        </p:nvSpPr>
        <p:spPr bwMode="auto">
          <a:xfrm>
            <a:off x="-10182" y="-912"/>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869315" y="436287"/>
            <a:ext cx="5852473"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Indonesia Highlight</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pic>
        <p:nvPicPr>
          <p:cNvPr id="7" name="Picture 6"/>
          <p:cNvPicPr>
            <a:picLocks noChangeAspect="1"/>
          </p:cNvPicPr>
          <p:nvPr/>
        </p:nvPicPr>
        <p:blipFill rotWithShape="1">
          <a:blip r:embed="rId6"/>
          <a:srcRect l="61838" t="10856" r="20165" b="15950"/>
          <a:stretch/>
        </p:blipFill>
        <p:spPr>
          <a:xfrm rot="2983416">
            <a:off x="7771866" y="2264835"/>
            <a:ext cx="2789818" cy="3729076"/>
          </a:xfrm>
          <a:prstGeom prst="rect">
            <a:avLst/>
          </a:prstGeom>
          <a:effectLst>
            <a:outerShdw blurRad="50800" dist="38100" dir="2700000" algn="tl" rotWithShape="0">
              <a:prstClr val="black">
                <a:alpha val="40000"/>
              </a:prstClr>
            </a:outerShdw>
          </a:effectLst>
        </p:spPr>
      </p:pic>
      <p:pic>
        <p:nvPicPr>
          <p:cNvPr id="6" name="Picture 5"/>
          <p:cNvPicPr>
            <a:picLocks noChangeAspect="1"/>
          </p:cNvPicPr>
          <p:nvPr/>
        </p:nvPicPr>
        <p:blipFill rotWithShape="1">
          <a:blip r:embed="rId7"/>
          <a:srcRect l="61556" t="6318" r="20613" b="4036"/>
          <a:stretch/>
        </p:blipFill>
        <p:spPr>
          <a:xfrm rot="1616057">
            <a:off x="5104006" y="553135"/>
            <a:ext cx="3293728" cy="5442807"/>
          </a:xfrm>
          <a:prstGeom prst="rect">
            <a:avLst/>
          </a:prstGeom>
          <a:effectLst>
            <a:outerShdw blurRad="50800" dist="38100" dir="2700000" algn="tl" rotWithShape="0">
              <a:prstClr val="black">
                <a:alpha val="40000"/>
              </a:prstClr>
            </a:outerShdw>
          </a:effectLst>
        </p:spPr>
      </p:pic>
      <p:pic>
        <p:nvPicPr>
          <p:cNvPr id="8" name="Picture 7">
            <a:hlinkClick r:id="rId8"/>
          </p:cNvPr>
          <p:cNvPicPr>
            <a:picLocks noChangeAspect="1"/>
          </p:cNvPicPr>
          <p:nvPr/>
        </p:nvPicPr>
        <p:blipFill rotWithShape="1">
          <a:blip r:embed="rId9"/>
          <a:srcRect l="59222" t="9119" r="17005" b="3746"/>
          <a:stretch/>
        </p:blipFill>
        <p:spPr>
          <a:xfrm>
            <a:off x="1340016" y="1197111"/>
            <a:ext cx="3978303" cy="479240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67052454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44"/>
          <a:stretch>
            <a:fillRect/>
          </a:stretch>
        </p:blipFill>
        <p:spPr>
          <a:xfrm>
            <a:off x="3725" y="-705774"/>
            <a:ext cx="12193379" cy="9428675"/>
          </a:xfrm>
          <a:prstGeom prst="rect">
            <a:avLst/>
          </a:prstGeom>
        </p:spPr>
      </p:pic>
      <p:sp>
        <p:nvSpPr>
          <p:cNvPr id="2384" name="Rectangle 32"/>
          <p:cNvSpPr>
            <a:spLocks noChangeArrowheads="1"/>
          </p:cNvSpPr>
          <p:nvPr/>
        </p:nvSpPr>
        <p:spPr bwMode="auto">
          <a:xfrm flipH="1">
            <a:off x="0" y="-31867"/>
            <a:ext cx="12192001" cy="6858000"/>
          </a:xfrm>
          <a:prstGeom prst="rect">
            <a:avLst/>
          </a:prstGeom>
          <a:solidFill>
            <a:srgbClr val="FFFFFF">
              <a:alpha val="7098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2009" name="OTLSHAPE_T_622be800e0f04ee09596a768f4d10002_ShapePercentage" hidden="1"/>
          <p:cNvSpPr/>
          <p:nvPr>
            <p:custDataLst>
              <p:tags r:id="rId2"/>
            </p:custDataLst>
          </p:nvPr>
        </p:nvSpPr>
        <p:spPr>
          <a:xfrm>
            <a:off x="5154480" y="483480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0" name="OTLSHAPE_T_622be800e0f04ee09596a768f4d10002_Duration" hidden="1"/>
          <p:cNvSpPr txBox="1"/>
          <p:nvPr>
            <p:custDataLst>
              <p:tags r:id="rId3"/>
            </p:custDataLst>
          </p:nvPr>
        </p:nvSpPr>
        <p:spPr>
          <a:xfrm>
            <a:off x="0" y="4664287"/>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6 days</a:t>
            </a:r>
          </a:p>
        </p:txBody>
      </p:sp>
      <p:sp>
        <p:nvSpPr>
          <p:cNvPr id="2011" name="OTLSHAPE_T_622be800e0f04ee09596a768f4d10002_TextPercentage" hidden="1"/>
          <p:cNvSpPr txBox="1"/>
          <p:nvPr>
            <p:custDataLst>
              <p:tags r:id="rId4"/>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12" name="OTLSHAPE_T_622be800e0f04ee09596a768f4d10002_JoinedDate" hidden="1"/>
          <p:cNvSpPr txBox="1"/>
          <p:nvPr>
            <p:custDataLst>
              <p:tags r:id="rId5"/>
            </p:custDataLst>
          </p:nvPr>
        </p:nvSpPr>
        <p:spPr>
          <a:xfrm>
            <a:off x="0" y="4819311"/>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17" name="OTLSHAPE_T_3cde4e7d0c9b4193b619da74eae4e8f6_ShapePercentage" hidden="1"/>
          <p:cNvSpPr/>
          <p:nvPr>
            <p:custDataLst>
              <p:tags r:id="rId6"/>
            </p:custDataLst>
          </p:nvPr>
        </p:nvSpPr>
        <p:spPr>
          <a:xfrm>
            <a:off x="1432971" y="510150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8" name="OTLSHAPE_T_3cde4e7d0c9b4193b619da74eae4e8f6_Duration" hidden="1"/>
          <p:cNvSpPr txBox="1"/>
          <p:nvPr>
            <p:custDataLst>
              <p:tags r:id="rId7"/>
            </p:custDataLst>
          </p:nvPr>
        </p:nvSpPr>
        <p:spPr>
          <a:xfrm>
            <a:off x="0" y="5101505"/>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03 days</a:t>
            </a:r>
          </a:p>
        </p:txBody>
      </p:sp>
      <p:sp>
        <p:nvSpPr>
          <p:cNvPr id="2019" name="OTLSHAPE_T_3cde4e7d0c9b4193b619da74eae4e8f6_TextPercentage" hidden="1"/>
          <p:cNvSpPr txBox="1"/>
          <p:nvPr>
            <p:custDataLst>
              <p:tags r:id="rId8"/>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20" name="OTLSHAPE_T_3cde4e7d0c9b4193b619da74eae4e8f6_JoinedDate" hidden="1"/>
          <p:cNvSpPr txBox="1"/>
          <p:nvPr>
            <p:custDataLst>
              <p:tags r:id="rId9"/>
            </p:custDataLst>
          </p:nvPr>
        </p:nvSpPr>
        <p:spPr>
          <a:xfrm>
            <a:off x="0" y="52565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25" name="OTLSHAPE_T_de416c791dc8464ab046746eab83279a_ShapePercentage" hidden="1"/>
          <p:cNvSpPr/>
          <p:nvPr>
            <p:custDataLst>
              <p:tags r:id="rId10"/>
            </p:custDataLst>
          </p:nvPr>
        </p:nvSpPr>
        <p:spPr>
          <a:xfrm>
            <a:off x="6898242" y="570924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6" name="OTLSHAPE_T_de416c791dc8464ab046746eab83279a_Duration" hidden="1"/>
          <p:cNvSpPr txBox="1"/>
          <p:nvPr>
            <p:custDataLst>
              <p:tags r:id="rId11"/>
            </p:custDataLst>
          </p:nvPr>
        </p:nvSpPr>
        <p:spPr>
          <a:xfrm>
            <a:off x="0" y="5368205"/>
            <a:ext cx="2794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 day</a:t>
            </a:r>
          </a:p>
        </p:txBody>
      </p:sp>
      <p:sp>
        <p:nvSpPr>
          <p:cNvPr id="2027" name="OTLSHAPE_T_de416c791dc8464ab046746eab83279a_TextPercentage" hidden="1"/>
          <p:cNvSpPr txBox="1"/>
          <p:nvPr>
            <p:custDataLst>
              <p:tags r:id="rId12"/>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28" name="OTLSHAPE_T_de416c791dc8464ab046746eab83279a_JoinedDate" hidden="1"/>
          <p:cNvSpPr txBox="1"/>
          <p:nvPr>
            <p:custDataLst>
              <p:tags r:id="rId13"/>
            </p:custDataLst>
          </p:nvPr>
        </p:nvSpPr>
        <p:spPr>
          <a:xfrm>
            <a:off x="0" y="552323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33" name="OTLSHAPE_T_e1366acd8c3c4f9586a0a5f9477327e8_ShapePercentage" hidden="1"/>
          <p:cNvSpPr/>
          <p:nvPr>
            <p:custDataLst>
              <p:tags r:id="rId14"/>
            </p:custDataLst>
          </p:nvPr>
        </p:nvSpPr>
        <p:spPr>
          <a:xfrm>
            <a:off x="2541624" y="597594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4" name="OTLSHAPE_T_e1366acd8c3c4f9586a0a5f9477327e8_Duration" hidden="1"/>
          <p:cNvSpPr txBox="1"/>
          <p:nvPr>
            <p:custDataLst>
              <p:tags r:id="rId15"/>
            </p:custDataLst>
          </p:nvPr>
        </p:nvSpPr>
        <p:spPr>
          <a:xfrm>
            <a:off x="0" y="5975943"/>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62 days</a:t>
            </a:r>
          </a:p>
        </p:txBody>
      </p:sp>
      <p:sp>
        <p:nvSpPr>
          <p:cNvPr id="2035" name="OTLSHAPE_T_e1366acd8c3c4f9586a0a5f9477327e8_TextPercentage" hidden="1"/>
          <p:cNvSpPr txBox="1"/>
          <p:nvPr>
            <p:custDataLst>
              <p:tags r:id="rId16"/>
            </p:custDataLst>
          </p:nvPr>
        </p:nvSpPr>
        <p:spPr>
          <a:xfrm>
            <a:off x="0" y="613096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36" name="OTLSHAPE_T_e1366acd8c3c4f9586a0a5f9477327e8_JoinedDate" hidden="1"/>
          <p:cNvSpPr txBox="1"/>
          <p:nvPr>
            <p:custDataLst>
              <p:tags r:id="rId17"/>
            </p:custDataLst>
          </p:nvPr>
        </p:nvSpPr>
        <p:spPr>
          <a:xfrm>
            <a:off x="0" y="613096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41" name="OTLSHAPE_T_b7f937a803e54e76b898d8a8189d19e1_ShapePercentage" hidden="1"/>
          <p:cNvSpPr/>
          <p:nvPr>
            <p:custDataLst>
              <p:tags r:id="rId18"/>
            </p:custDataLst>
          </p:nvPr>
        </p:nvSpPr>
        <p:spPr>
          <a:xfrm>
            <a:off x="7572347" y="641316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2" name="OTLSHAPE_T_b7f937a803e54e76b898d8a8189d19e1_Duration" hidden="1"/>
          <p:cNvSpPr txBox="1"/>
          <p:nvPr>
            <p:custDataLst>
              <p:tags r:id="rId19"/>
            </p:custDataLst>
          </p:nvPr>
        </p:nvSpPr>
        <p:spPr>
          <a:xfrm>
            <a:off x="0" y="6242643"/>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1 days</a:t>
            </a:r>
          </a:p>
        </p:txBody>
      </p:sp>
      <p:sp>
        <p:nvSpPr>
          <p:cNvPr id="2043" name="OTLSHAPE_T_b7f937a803e54e76b898d8a8189d19e1_TextPercentage" hidden="1"/>
          <p:cNvSpPr txBox="1"/>
          <p:nvPr>
            <p:custDataLst>
              <p:tags r:id="rId20"/>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44" name="OTLSHAPE_T_b7f937a803e54e76b898d8a8189d19e1_JoinedDate" hidden="1"/>
          <p:cNvSpPr txBox="1"/>
          <p:nvPr>
            <p:custDataLst>
              <p:tags r:id="rId21"/>
            </p:custDataLst>
          </p:nvPr>
        </p:nvSpPr>
        <p:spPr>
          <a:xfrm>
            <a:off x="0" y="639766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49" name="OTLSHAPE_T_485975d2d2c94e03b27f894bc5b8eb4b_ShapePercentage" hidden="1"/>
          <p:cNvSpPr/>
          <p:nvPr>
            <p:custDataLst>
              <p:tags r:id="rId22"/>
            </p:custDataLst>
          </p:nvPr>
        </p:nvSpPr>
        <p:spPr>
          <a:xfrm>
            <a:off x="7967897" y="685038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50" name="OTLSHAPE_T_485975d2d2c94e03b27f894bc5b8eb4b_Duration" hidden="1"/>
          <p:cNvSpPr txBox="1"/>
          <p:nvPr>
            <p:custDataLst>
              <p:tags r:id="rId23"/>
            </p:custDataLst>
          </p:nvPr>
        </p:nvSpPr>
        <p:spPr>
          <a:xfrm>
            <a:off x="0" y="667986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3 days</a:t>
            </a:r>
          </a:p>
        </p:txBody>
      </p:sp>
      <p:sp>
        <p:nvSpPr>
          <p:cNvPr id="2051" name="OTLSHAPE_T_485975d2d2c94e03b27f894bc5b8eb4b_TextPercentage" hidden="1"/>
          <p:cNvSpPr txBox="1"/>
          <p:nvPr>
            <p:custDataLst>
              <p:tags r:id="rId24"/>
            </p:custDataLst>
          </p:nvPr>
        </p:nvSpPr>
        <p:spPr>
          <a:xfrm>
            <a:off x="0" y="6834886"/>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52" name="OTLSHAPE_T_485975d2d2c94e03b27f894bc5b8eb4b_JoinedDate" hidden="1"/>
          <p:cNvSpPr txBox="1"/>
          <p:nvPr>
            <p:custDataLst>
              <p:tags r:id="rId25"/>
            </p:custDataLst>
          </p:nvPr>
        </p:nvSpPr>
        <p:spPr>
          <a:xfrm>
            <a:off x="0" y="6834886"/>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57" name="OTLSHAPE_T_10b2240f7e24454abddbdc658e2299d8_ShapePercentage" hidden="1"/>
          <p:cNvSpPr/>
          <p:nvPr>
            <p:custDataLst>
              <p:tags r:id="rId26"/>
            </p:custDataLst>
          </p:nvPr>
        </p:nvSpPr>
        <p:spPr>
          <a:xfrm>
            <a:off x="5555601" y="728759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58" name="OTLSHAPE_T_10b2240f7e24454abddbdc658e2299d8_Duration" hidden="1"/>
          <p:cNvSpPr txBox="1"/>
          <p:nvPr>
            <p:custDataLst>
              <p:tags r:id="rId27"/>
            </p:custDataLst>
          </p:nvPr>
        </p:nvSpPr>
        <p:spPr>
          <a:xfrm>
            <a:off x="0" y="711708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7 days</a:t>
            </a:r>
          </a:p>
        </p:txBody>
      </p:sp>
      <p:sp>
        <p:nvSpPr>
          <p:cNvPr id="2059" name="OTLSHAPE_T_10b2240f7e24454abddbdc658e2299d8_TextPercentage" hidden="1"/>
          <p:cNvSpPr txBox="1"/>
          <p:nvPr>
            <p:custDataLst>
              <p:tags r:id="rId28"/>
            </p:custDataLst>
          </p:nvPr>
        </p:nvSpPr>
        <p:spPr>
          <a:xfrm>
            <a:off x="0" y="727210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60" name="OTLSHAPE_T_10b2240f7e24454abddbdc658e2299d8_JoinedDate" hidden="1"/>
          <p:cNvSpPr txBox="1"/>
          <p:nvPr>
            <p:custDataLst>
              <p:tags r:id="rId29"/>
            </p:custDataLst>
          </p:nvPr>
        </p:nvSpPr>
        <p:spPr>
          <a:xfrm>
            <a:off x="0" y="7272105"/>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65" name="OTLSHAPE_T_b966044ea93a4a8e8c4d5fd017a3dad5_ShapePercentage" hidden="1"/>
          <p:cNvSpPr/>
          <p:nvPr>
            <p:custDataLst>
              <p:tags r:id="rId30"/>
            </p:custDataLst>
          </p:nvPr>
        </p:nvSpPr>
        <p:spPr>
          <a:xfrm>
            <a:off x="5928866" y="772481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66" name="OTLSHAPE_T_b966044ea93a4a8e8c4d5fd017a3dad5_Duration" hidden="1"/>
          <p:cNvSpPr txBox="1"/>
          <p:nvPr>
            <p:custDataLst>
              <p:tags r:id="rId31"/>
            </p:custDataLst>
          </p:nvPr>
        </p:nvSpPr>
        <p:spPr>
          <a:xfrm>
            <a:off x="0" y="7554299"/>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4 days</a:t>
            </a:r>
          </a:p>
        </p:txBody>
      </p:sp>
      <p:sp>
        <p:nvSpPr>
          <p:cNvPr id="2067" name="OTLSHAPE_T_b966044ea93a4a8e8c4d5fd017a3dad5_TextPercentage" hidden="1"/>
          <p:cNvSpPr txBox="1"/>
          <p:nvPr>
            <p:custDataLst>
              <p:tags r:id="rId32"/>
            </p:custDataLst>
          </p:nvPr>
        </p:nvSpPr>
        <p:spPr>
          <a:xfrm>
            <a:off x="0" y="770932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68" name="OTLSHAPE_T_b966044ea93a4a8e8c4d5fd017a3dad5_JoinedDate" hidden="1"/>
          <p:cNvSpPr txBox="1"/>
          <p:nvPr>
            <p:custDataLst>
              <p:tags r:id="rId33"/>
            </p:custDataLst>
          </p:nvPr>
        </p:nvSpPr>
        <p:spPr>
          <a:xfrm>
            <a:off x="0" y="770932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73" name="OTLSHAPE_T_61856bbb2fcb427cbf2badf614aada68_ShapePercentage" hidden="1"/>
          <p:cNvSpPr/>
          <p:nvPr>
            <p:custDataLst>
              <p:tags r:id="rId34"/>
            </p:custDataLst>
          </p:nvPr>
        </p:nvSpPr>
        <p:spPr>
          <a:xfrm>
            <a:off x="8976270" y="799151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74" name="OTLSHAPE_T_61856bbb2fcb427cbf2badf614aada68_Duration" hidden="1"/>
          <p:cNvSpPr txBox="1"/>
          <p:nvPr>
            <p:custDataLst>
              <p:tags r:id="rId35"/>
            </p:custDataLst>
          </p:nvPr>
        </p:nvSpPr>
        <p:spPr>
          <a:xfrm>
            <a:off x="0" y="7991518"/>
            <a:ext cx="457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76 days</a:t>
            </a:r>
          </a:p>
        </p:txBody>
      </p:sp>
      <p:sp>
        <p:nvSpPr>
          <p:cNvPr id="2075" name="OTLSHAPE_T_61856bbb2fcb427cbf2badf614aada68_TextPercentage" hidden="1"/>
          <p:cNvSpPr txBox="1"/>
          <p:nvPr>
            <p:custDataLst>
              <p:tags r:id="rId36"/>
            </p:custDataLst>
          </p:nvPr>
        </p:nvSpPr>
        <p:spPr>
          <a:xfrm>
            <a:off x="0" y="8146542"/>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76" name="OTLSHAPE_T_61856bbb2fcb427cbf2badf614aada68_JoinedDate" hidden="1"/>
          <p:cNvSpPr txBox="1"/>
          <p:nvPr>
            <p:custDataLst>
              <p:tags r:id="rId37"/>
            </p:custDataLst>
          </p:nvPr>
        </p:nvSpPr>
        <p:spPr>
          <a:xfrm>
            <a:off x="0" y="814654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81" name="OTLSHAPE_T_a06656e249c1439e9f17dee98ac344be_ShapePercentage" hidden="1"/>
          <p:cNvSpPr/>
          <p:nvPr>
            <p:custDataLst>
              <p:tags r:id="rId38"/>
            </p:custDataLst>
          </p:nvPr>
        </p:nvSpPr>
        <p:spPr>
          <a:xfrm>
            <a:off x="6942810" y="842873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82" name="OTLSHAPE_T_a06656e249c1439e9f17dee98ac344be_Duration" hidden="1"/>
          <p:cNvSpPr txBox="1"/>
          <p:nvPr>
            <p:custDataLst>
              <p:tags r:id="rId39"/>
            </p:custDataLst>
          </p:nvPr>
        </p:nvSpPr>
        <p:spPr>
          <a:xfrm>
            <a:off x="0" y="8258218"/>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7 days</a:t>
            </a:r>
          </a:p>
        </p:txBody>
      </p:sp>
      <p:sp>
        <p:nvSpPr>
          <p:cNvPr id="2083" name="OTLSHAPE_T_a06656e249c1439e9f17dee98ac344be_TextPercentage" hidden="1"/>
          <p:cNvSpPr txBox="1"/>
          <p:nvPr>
            <p:custDataLst>
              <p:tags r:id="rId40"/>
            </p:custDataLst>
          </p:nvPr>
        </p:nvSpPr>
        <p:spPr>
          <a:xfrm>
            <a:off x="0" y="8413242"/>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84" name="OTLSHAPE_T_a06656e249c1439e9f17dee98ac344be_JoinedDate" hidden="1"/>
          <p:cNvSpPr txBox="1"/>
          <p:nvPr>
            <p:custDataLst>
              <p:tags r:id="rId41"/>
            </p:custDataLst>
          </p:nvPr>
        </p:nvSpPr>
        <p:spPr>
          <a:xfrm>
            <a:off x="0" y="8413242"/>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 name="TextBox 1"/>
          <p:cNvSpPr txBox="1"/>
          <p:nvPr/>
        </p:nvSpPr>
        <p:spPr>
          <a:xfrm>
            <a:off x="1424303" y="939135"/>
            <a:ext cx="7033589" cy="4339650"/>
          </a:xfrm>
          <a:prstGeom prst="rect">
            <a:avLst/>
          </a:prstGeom>
          <a:noFill/>
        </p:spPr>
        <p:txBody>
          <a:bodyPr wrap="square" rtlCol="0">
            <a:spAutoFit/>
          </a:bodyPr>
          <a:lstStyle/>
          <a:p>
            <a:r>
              <a:rPr lang="en-US" sz="4800" dirty="0">
                <a:latin typeface="Helvetica" panose="020B0604020202020204" pitchFamily="34" charset="0"/>
                <a:cs typeface="Helvetica" panose="020B0604020202020204" pitchFamily="34" charset="0"/>
              </a:rPr>
              <a:t>2017 Advocacy Strategies</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Honduras</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Indonesia</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Palestine</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Tanzania</a:t>
            </a:r>
          </a:p>
          <a:p>
            <a:pPr marL="685800" indent="-685800">
              <a:buFont typeface="Arial" panose="020B0604020202020204" pitchFamily="34" charset="0"/>
              <a:buChar char="•"/>
            </a:pPr>
            <a:r>
              <a:rPr lang="en-US" sz="3600" dirty="0">
                <a:latin typeface="Helvetica" panose="020B0604020202020204" pitchFamily="34" charset="0"/>
                <a:cs typeface="Helvetica" panose="020B0604020202020204" pitchFamily="34" charset="0"/>
              </a:rPr>
              <a:t>Zimbabwe</a:t>
            </a:r>
          </a:p>
        </p:txBody>
      </p:sp>
      <p:pic>
        <p:nvPicPr>
          <p:cNvPr id="4" name="Picture 3"/>
          <p:cNvPicPr>
            <a:picLocks noChangeAspect="1"/>
          </p:cNvPicPr>
          <p:nvPr/>
        </p:nvPicPr>
        <p:blipFill>
          <a:blip r:embed="rId45">
            <a:extLst>
              <a:ext uri="{28A0092B-C50C-407E-A947-70E740481C1C}">
                <a14:useLocalDpi xmlns:a14="http://schemas.microsoft.com/office/drawing/2010/main" val="0"/>
              </a:ext>
            </a:extLst>
          </a:blip>
          <a:stretch>
            <a:fillRect/>
          </a:stretch>
        </p:blipFill>
        <p:spPr>
          <a:xfrm rot="1382934">
            <a:off x="7483979" y="-698823"/>
            <a:ext cx="3056339" cy="10595310"/>
          </a:xfrm>
          <a:prstGeom prst="rect">
            <a:avLst/>
          </a:prstGeom>
          <a:effectLst>
            <a:outerShdw blurRad="50800" dist="38100" dir="2700000" algn="tl" rotWithShape="0">
              <a:prstClr val="black">
                <a:alpha val="40000"/>
              </a:prstClr>
            </a:outerShdw>
          </a:effectLst>
        </p:spPr>
      </p:pic>
      <p:sp>
        <p:nvSpPr>
          <p:cNvPr id="50" name="Rectangle 49"/>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51" name="Picture 50"/>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52" name="Picture 51"/>
          <p:cNvPicPr>
            <a:picLocks noChangeAspect="1"/>
          </p:cNvPicPr>
          <p:nvPr/>
        </p:nvPicPr>
        <p:blipFill>
          <a:blip r:embed="rId47"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53" name="Rectangle 52"/>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54" name="Picture 53"/>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55" name="Picture 54"/>
          <p:cNvPicPr>
            <a:picLocks noChangeAspect="1"/>
          </p:cNvPicPr>
          <p:nvPr/>
        </p:nvPicPr>
        <p:blipFill>
          <a:blip r:embed="rId47"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57"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1169219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p:cNvPicPr>
            <a:picLocks noChangeAspect="1"/>
          </p:cNvPicPr>
          <p:nvPr/>
        </p:nvPicPr>
        <p:blipFill>
          <a:blip r:embed="rId3"/>
          <a:stretch>
            <a:fillRect/>
          </a:stretch>
        </p:blipFill>
        <p:spPr>
          <a:xfrm>
            <a:off x="799" y="-1062409"/>
            <a:ext cx="12192001" cy="9417273"/>
          </a:xfrm>
          <a:prstGeom prst="rect">
            <a:avLst/>
          </a:prstGeom>
        </p:spPr>
      </p:pic>
      <p:sp>
        <p:nvSpPr>
          <p:cNvPr id="7" name="Rectangle 32"/>
          <p:cNvSpPr>
            <a:spLocks noChangeArrowheads="1"/>
          </p:cNvSpPr>
          <p:nvPr/>
        </p:nvSpPr>
        <p:spPr bwMode="auto">
          <a:xfrm>
            <a:off x="-85995" y="1"/>
            <a:ext cx="12373994" cy="6935088"/>
          </a:xfrm>
          <a:prstGeom prst="rect">
            <a:avLst/>
          </a:prstGeom>
          <a:solidFill>
            <a:srgbClr val="FFFFFF">
              <a:alpha val="83137"/>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dirty="0">
              <a:solidFill>
                <a:sysClr val="windowText" lastClr="000000"/>
              </a:solidFill>
            </a:endParaRPr>
          </a:p>
        </p:txBody>
      </p:sp>
      <p:sp>
        <p:nvSpPr>
          <p:cNvPr id="14" name="TextBox 13"/>
          <p:cNvSpPr txBox="1"/>
          <p:nvPr/>
        </p:nvSpPr>
        <p:spPr>
          <a:xfrm>
            <a:off x="585141" y="455192"/>
            <a:ext cx="10323696" cy="833883"/>
          </a:xfrm>
          <a:prstGeom prst="rect">
            <a:avLst/>
          </a:prstGeom>
          <a:noFill/>
        </p:spPr>
        <p:txBody>
          <a:bodyPr wrap="square" rtlCol="0">
            <a:spAutoFit/>
          </a:bodyPr>
          <a:lstStyle/>
          <a:p>
            <a:pPr>
              <a:lnSpc>
                <a:spcPct val="150000"/>
              </a:lnSpc>
            </a:pPr>
            <a:r>
              <a:rPr lang="en-US" sz="3600" b="1" dirty="0">
                <a:solidFill>
                  <a:srgbClr val="AF1F2C"/>
                </a:solidFill>
                <a:latin typeface="Helvetica" panose="020B0604020202020204" pitchFamily="34" charset="0"/>
                <a:cs typeface="Helvetica" panose="020B0604020202020204" pitchFamily="34" charset="0"/>
              </a:rPr>
              <a:t>Examples</a:t>
            </a:r>
            <a:endParaRPr lang="en-US" dirty="0"/>
          </a:p>
        </p:txBody>
      </p:sp>
      <p:sp>
        <p:nvSpPr>
          <p:cNvPr id="2" name="TextBox 1"/>
          <p:cNvSpPr txBox="1"/>
          <p:nvPr/>
        </p:nvSpPr>
        <p:spPr>
          <a:xfrm>
            <a:off x="434657" y="1284975"/>
            <a:ext cx="11410799" cy="3416320"/>
          </a:xfrm>
          <a:prstGeom prst="rect">
            <a:avLst/>
          </a:prstGeom>
          <a:noFill/>
        </p:spPr>
        <p:txBody>
          <a:bodyPr wrap="square" rtlCol="0">
            <a:spAutoFit/>
          </a:bodyPr>
          <a:lstStyle/>
          <a:p>
            <a:pPr marL="342900" indent="-342900">
              <a:lnSpc>
                <a:spcPct val="150000"/>
              </a:lnSpc>
              <a:buFont typeface="Arial" panose="020B0604020202020204" pitchFamily="34" charset="0"/>
              <a:buChar char="•"/>
            </a:pPr>
            <a:r>
              <a:rPr lang="en-US" sz="2400" dirty="0">
                <a:solidFill>
                  <a:schemeClr val="tx1">
                    <a:lumMod val="75000"/>
                    <a:lumOff val="25000"/>
                  </a:schemeClr>
                </a:solidFill>
                <a:latin typeface="Helvetica" panose="020B0604020202020204" pitchFamily="34" charset="0"/>
                <a:cs typeface="Helvetica" panose="020B0604020202020204" pitchFamily="34" charset="0"/>
              </a:rPr>
              <a:t>SDG monitoring and shadow reporting</a:t>
            </a:r>
          </a:p>
          <a:p>
            <a:pPr marL="342900" indent="-342900">
              <a:lnSpc>
                <a:spcPct val="150000"/>
              </a:lnSpc>
              <a:buFont typeface="Arial" panose="020B0604020202020204" pitchFamily="34" charset="0"/>
              <a:buChar char="•"/>
            </a:pPr>
            <a:r>
              <a:rPr lang="en-GB" sz="2400" dirty="0">
                <a:solidFill>
                  <a:schemeClr val="tx1">
                    <a:lumMod val="75000"/>
                    <a:lumOff val="25000"/>
                  </a:schemeClr>
                </a:solidFill>
                <a:latin typeface="helvetica" panose="020B0604020202020204" pitchFamily="34" charset="0"/>
                <a:cs typeface="helvetica" panose="020B0604020202020204" pitchFamily="34" charset="0"/>
              </a:rPr>
              <a:t>Education sector planning</a:t>
            </a:r>
          </a:p>
          <a:p>
            <a:pPr marL="342900" indent="-342900">
              <a:lnSpc>
                <a:spcPct val="150000"/>
              </a:lnSpc>
              <a:buFont typeface="Arial" panose="020B0604020202020204" pitchFamily="34" charset="0"/>
              <a:buChar char="•"/>
            </a:pPr>
            <a:r>
              <a:rPr lang="en-GB" sz="2400" dirty="0">
                <a:solidFill>
                  <a:schemeClr val="tx1">
                    <a:lumMod val="75000"/>
                    <a:lumOff val="25000"/>
                  </a:schemeClr>
                </a:solidFill>
                <a:latin typeface="helvetica" panose="020B0604020202020204" pitchFamily="34" charset="0"/>
                <a:cs typeface="helvetica" panose="020B0604020202020204" pitchFamily="34" charset="0"/>
              </a:rPr>
              <a:t>Local Education Groups</a:t>
            </a:r>
          </a:p>
          <a:p>
            <a:pPr marL="342900" indent="-342900">
              <a:lnSpc>
                <a:spcPct val="150000"/>
              </a:lnSpc>
              <a:buFont typeface="Arial" panose="020B0604020202020204" pitchFamily="34" charset="0"/>
              <a:buChar char="•"/>
            </a:pPr>
            <a:r>
              <a:rPr lang="en-GB" sz="2400" dirty="0">
                <a:solidFill>
                  <a:schemeClr val="tx1">
                    <a:lumMod val="75000"/>
                    <a:lumOff val="25000"/>
                  </a:schemeClr>
                </a:solidFill>
                <a:latin typeface="helvetica" panose="020B0604020202020204" pitchFamily="34" charset="0"/>
                <a:cs typeface="helvetica" panose="020B0604020202020204" pitchFamily="34" charset="0"/>
              </a:rPr>
              <a:t>Universal Periodic Reviews</a:t>
            </a:r>
          </a:p>
          <a:p>
            <a:pPr marL="342900" indent="-342900">
              <a:lnSpc>
                <a:spcPct val="150000"/>
              </a:lnSpc>
              <a:buFont typeface="Arial" panose="020B0604020202020204" pitchFamily="34" charset="0"/>
              <a:buChar char="•"/>
            </a:pPr>
            <a:r>
              <a:rPr lang="en-GB" sz="2400" dirty="0">
                <a:solidFill>
                  <a:schemeClr val="tx1">
                    <a:lumMod val="75000"/>
                    <a:lumOff val="25000"/>
                  </a:schemeClr>
                </a:solidFill>
                <a:latin typeface="helvetica" panose="020B0604020202020204" pitchFamily="34" charset="0"/>
                <a:cs typeface="helvetica" panose="020B0604020202020204" pitchFamily="34" charset="0"/>
              </a:rPr>
              <a:t>Parliamentary engagement</a:t>
            </a:r>
          </a:p>
          <a:p>
            <a:pPr marL="342900" indent="-342900">
              <a:lnSpc>
                <a:spcPct val="150000"/>
              </a:lnSpc>
              <a:buFont typeface="Arial" panose="020B0604020202020204" pitchFamily="34" charset="0"/>
              <a:buChar char="•"/>
            </a:pPr>
            <a:r>
              <a:rPr lang="en-GB" sz="2400" dirty="0">
                <a:solidFill>
                  <a:schemeClr val="tx1">
                    <a:lumMod val="75000"/>
                    <a:lumOff val="25000"/>
                  </a:schemeClr>
                </a:solidFill>
                <a:latin typeface="helvetica" panose="020B0604020202020204" pitchFamily="34" charset="0"/>
                <a:cs typeface="helvetica" panose="020B0604020202020204" pitchFamily="34" charset="0"/>
              </a:rPr>
              <a:t>Using Media</a:t>
            </a:r>
            <a:endParaRPr lang="en-US" sz="2400" dirty="0">
              <a:solidFill>
                <a:schemeClr val="tx1">
                  <a:lumMod val="75000"/>
                  <a:lumOff val="25000"/>
                </a:schemeClr>
              </a:solidFill>
            </a:endParaRPr>
          </a:p>
        </p:txBody>
      </p:sp>
      <p:sp>
        <p:nvSpPr>
          <p:cNvPr id="15" name="Rectangle 14"/>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6" name="Picture 1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7" name="Picture 1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8" name="Rectangle 17"/>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9" name="Picture 1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20" name="Picture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pic>
        <p:nvPicPr>
          <p:cNvPr id="21" name="Picture 2" descr="Image result for protest"/>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909956" y="-1"/>
            <a:ext cx="3429000" cy="6858001"/>
          </a:xfrm>
          <a:prstGeom prst="rect">
            <a:avLst/>
          </a:prstGeom>
          <a:noFill/>
          <a:extLst>
            <a:ext uri="{909E8E84-426E-40DD-AFC4-6F175D3DCCD1}">
              <a14:hiddenFill xmlns:a14="http://schemas.microsoft.com/office/drawing/2010/main">
                <a:solidFill>
                  <a:srgbClr val="FFFFFF"/>
                </a:solidFill>
              </a14:hiddenFill>
            </a:ext>
          </a:extLst>
        </p:spPr>
      </p:pic>
      <p:sp>
        <p:nvSpPr>
          <p:cNvPr id="23"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Livia Barton</a:t>
            </a:r>
            <a:endParaRPr kumimoji="0" lang="en-US" altLang="en-US" sz="3200" b="0" i="0" u="none" strike="noStrike" cap="none" normalizeH="0" baseline="0" dirty="0">
              <a:ln>
                <a:noFill/>
              </a:ln>
              <a:effectLst/>
              <a:latin typeface="Arial" panose="020B0604020202020204" pitchFamily="34" charset="0"/>
            </a:endParaRPr>
          </a:p>
        </p:txBody>
      </p:sp>
    </p:spTree>
    <p:extLst>
      <p:ext uri="{BB962C8B-B14F-4D97-AF65-F5344CB8AC3E}">
        <p14:creationId xmlns:p14="http://schemas.microsoft.com/office/powerpoint/2010/main" val="27336673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b="15605"/>
          <a:stretch/>
        </p:blipFill>
        <p:spPr>
          <a:xfrm>
            <a:off x="0" y="0"/>
            <a:ext cx="12192000" cy="6858000"/>
          </a:xfrm>
          <a:prstGeom prst="rect">
            <a:avLst/>
          </a:prstGeom>
        </p:spPr>
      </p:pic>
      <p:sp>
        <p:nvSpPr>
          <p:cNvPr id="3" name="Rectangle 32"/>
          <p:cNvSpPr>
            <a:spLocks noChangeArrowheads="1"/>
          </p:cNvSpPr>
          <p:nvPr/>
        </p:nvSpPr>
        <p:spPr bwMode="auto">
          <a:xfrm>
            <a:off x="-75" y="-12341"/>
            <a:ext cx="12192001" cy="6857999"/>
          </a:xfrm>
          <a:prstGeom prst="rect">
            <a:avLst/>
          </a:prstGeom>
          <a:solidFill>
            <a:srgbClr val="FFFFFF">
              <a:alpha val="83137"/>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dirty="0">
              <a:solidFill>
                <a:sysClr val="windowText" lastClr="000000"/>
              </a:solidFill>
            </a:endParaRPr>
          </a:p>
        </p:txBody>
      </p:sp>
      <p:sp>
        <p:nvSpPr>
          <p:cNvPr id="5" name="Rectangle 4"/>
          <p:cNvSpPr/>
          <p:nvPr/>
        </p:nvSpPr>
        <p:spPr>
          <a:xfrm>
            <a:off x="107315" y="502163"/>
            <a:ext cx="10148550" cy="646331"/>
          </a:xfrm>
          <a:prstGeom prst="rect">
            <a:avLst/>
          </a:prstGeom>
        </p:spPr>
        <p:txBody>
          <a:bodyPr wrap="square">
            <a:spAutoFit/>
          </a:bodyPr>
          <a:lstStyle/>
          <a:p>
            <a:pPr lvl="0" algn="ctr"/>
            <a:r>
              <a:rPr lang="en-GB" sz="3600" b="1" dirty="0">
                <a:solidFill>
                  <a:srgbClr val="C00000"/>
                </a:solidFill>
                <a:latin typeface="helvetica" panose="020B0604020202020204" pitchFamily="34" charset="0"/>
                <a:cs typeface="helvetica" panose="020B0604020202020204" pitchFamily="34" charset="0"/>
                <a:hlinkClick r:id="rId4"/>
              </a:rPr>
              <a:t>Global roadmap of education strategies</a:t>
            </a:r>
            <a:endParaRPr lang="en-GB" sz="3600" b="1" dirty="0">
              <a:solidFill>
                <a:srgbClr val="C00000"/>
              </a:solidFill>
              <a:latin typeface="helvetica" panose="020B0604020202020204" pitchFamily="34" charset="0"/>
              <a:cs typeface="helvetica" panose="020B0604020202020204" pitchFamily="34" charset="0"/>
            </a:endParaRPr>
          </a:p>
        </p:txBody>
      </p:sp>
      <p:sp>
        <p:nvSpPr>
          <p:cNvPr id="4" name="TextBox 3"/>
          <p:cNvSpPr txBox="1"/>
          <p:nvPr/>
        </p:nvSpPr>
        <p:spPr>
          <a:xfrm>
            <a:off x="1063439" y="1594028"/>
            <a:ext cx="5868914" cy="4154984"/>
          </a:xfrm>
          <a:prstGeom prst="rect">
            <a:avLst/>
          </a:prstGeom>
          <a:noFill/>
        </p:spPr>
        <p:txBody>
          <a:bodyPr wrap="none" rtlCol="0">
            <a:spAutoFit/>
          </a:bodyPr>
          <a:lstStyle/>
          <a:p>
            <a:r>
              <a:rPr lang="en-US" sz="2400" dirty="0">
                <a:latin typeface="Helvetica" panose="020B0604020202020204" pitchFamily="34" charset="0"/>
                <a:cs typeface="Helvetica" panose="020B0604020202020204" pitchFamily="34" charset="0"/>
              </a:rPr>
              <a:t>Local advocacy</a:t>
            </a:r>
          </a:p>
          <a:p>
            <a:r>
              <a:rPr lang="en-US" sz="2400" dirty="0">
                <a:latin typeface="Helvetica" panose="020B0604020202020204" pitchFamily="34" charset="0"/>
                <a:cs typeface="Helvetica" panose="020B0604020202020204" pitchFamily="34" charset="0"/>
              </a:rPr>
              <a:t>National advocacy</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National network building</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National judicial system engagement</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Parliamentary engagement</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Education sector planning</a:t>
            </a:r>
          </a:p>
          <a:p>
            <a:r>
              <a:rPr lang="en-US" sz="2400" dirty="0">
                <a:latin typeface="Helvetica" panose="020B0604020202020204" pitchFamily="34" charset="0"/>
                <a:cs typeface="Helvetica" panose="020B0604020202020204" pitchFamily="34" charset="0"/>
              </a:rPr>
              <a:t>International advocacy</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Voluntary national review</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SDG Monitoring</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Universal Periodic Review</a:t>
            </a:r>
          </a:p>
          <a:p>
            <a:pPr marL="285750" indent="-285750">
              <a:buFont typeface="Arial" panose="020B0604020202020204" pitchFamily="34" charset="0"/>
              <a:buChar char="•"/>
            </a:pPr>
            <a:r>
              <a:rPr lang="en-US" sz="2400" dirty="0">
                <a:latin typeface="Helvetica" panose="020B0604020202020204" pitchFamily="34" charset="0"/>
                <a:cs typeface="Helvetica" panose="020B0604020202020204" pitchFamily="34" charset="0"/>
              </a:rPr>
              <a:t>International advocacy network building</a:t>
            </a:r>
          </a:p>
        </p:txBody>
      </p:sp>
      <p:grpSp>
        <p:nvGrpSpPr>
          <p:cNvPr id="12" name="Group 11"/>
          <p:cNvGrpSpPr/>
          <p:nvPr/>
        </p:nvGrpSpPr>
        <p:grpSpPr>
          <a:xfrm>
            <a:off x="7632948" y="-441959"/>
            <a:ext cx="5663878" cy="6609528"/>
            <a:chOff x="0" y="774866"/>
            <a:chExt cx="9144000" cy="6083135"/>
          </a:xfrm>
        </p:grpSpPr>
        <p:sp>
          <p:nvSpPr>
            <p:cNvPr id="15" name="Freeform 6"/>
            <p:cNvSpPr>
              <a:spLocks/>
            </p:cNvSpPr>
            <p:nvPr/>
          </p:nvSpPr>
          <p:spPr bwMode="auto">
            <a:xfrm>
              <a:off x="0" y="774866"/>
              <a:ext cx="9144000" cy="6083134"/>
            </a:xfrm>
            <a:custGeom>
              <a:avLst/>
              <a:gdLst>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0360 w 9144000"/>
                <a:gd name="connsiteY75" fmla="*/ 1538217 h 6083134"/>
                <a:gd name="connsiteX76" fmla="*/ 4160360 w 9144000"/>
                <a:gd name="connsiteY76" fmla="*/ 1529902 h 6083134"/>
                <a:gd name="connsiteX77" fmla="*/ 4160360 w 9144000"/>
                <a:gd name="connsiteY77" fmla="*/ 1520401 h 6083134"/>
                <a:gd name="connsiteX78" fmla="*/ 4163861 w 9144000"/>
                <a:gd name="connsiteY78" fmla="*/ 1516046 h 6083134"/>
                <a:gd name="connsiteX79" fmla="*/ 4163861 w 9144000"/>
                <a:gd name="connsiteY79" fmla="*/ 1497042 h 6083134"/>
                <a:gd name="connsiteX80" fmla="*/ 4139354 w 9144000"/>
                <a:gd name="connsiteY80" fmla="*/ 1452700 h 6083134"/>
                <a:gd name="connsiteX81" fmla="*/ 4072836 w 9144000"/>
                <a:gd name="connsiteY81" fmla="*/ 1392521 h 6083134"/>
                <a:gd name="connsiteX82" fmla="*/ 3852275 w 9144000"/>
                <a:gd name="connsiteY82" fmla="*/ 1259494 h 6083134"/>
                <a:gd name="connsiteX83" fmla="*/ 3558194 w 9144000"/>
                <a:gd name="connsiteY83" fmla="*/ 1132802 h 6083134"/>
                <a:gd name="connsiteX84" fmla="*/ 3232605 w 9144000"/>
                <a:gd name="connsiteY84" fmla="*/ 1018779 h 6083134"/>
                <a:gd name="connsiteX85" fmla="*/ 2528911 w 9144000"/>
                <a:gd name="connsiteY85" fmla="*/ 825574 h 6083134"/>
                <a:gd name="connsiteX86" fmla="*/ 1030499 w 9144000"/>
                <a:gd name="connsiteY86" fmla="*/ 515179 h 6083134"/>
                <a:gd name="connsiteX87" fmla="*/ 0 w 9144000"/>
                <a:gd name="connsiteY87" fmla="*/ 348488 h 6083134"/>
                <a:gd name="connsiteX88" fmla="*/ 0 w 9144000"/>
                <a:gd name="connsiteY88"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0360 w 9144000"/>
                <a:gd name="connsiteY75" fmla="*/ 1538217 h 6083134"/>
                <a:gd name="connsiteX76" fmla="*/ 4160360 w 9144000"/>
                <a:gd name="connsiteY76" fmla="*/ 1520401 h 6083134"/>
                <a:gd name="connsiteX77" fmla="*/ 4163861 w 9144000"/>
                <a:gd name="connsiteY77" fmla="*/ 1516046 h 6083134"/>
                <a:gd name="connsiteX78" fmla="*/ 4163861 w 9144000"/>
                <a:gd name="connsiteY78" fmla="*/ 1497042 h 6083134"/>
                <a:gd name="connsiteX79" fmla="*/ 4139354 w 9144000"/>
                <a:gd name="connsiteY79" fmla="*/ 1452700 h 6083134"/>
                <a:gd name="connsiteX80" fmla="*/ 4072836 w 9144000"/>
                <a:gd name="connsiteY80" fmla="*/ 1392521 h 6083134"/>
                <a:gd name="connsiteX81" fmla="*/ 3852275 w 9144000"/>
                <a:gd name="connsiteY81" fmla="*/ 1259494 h 6083134"/>
                <a:gd name="connsiteX82" fmla="*/ 3558194 w 9144000"/>
                <a:gd name="connsiteY82" fmla="*/ 1132802 h 6083134"/>
                <a:gd name="connsiteX83" fmla="*/ 3232605 w 9144000"/>
                <a:gd name="connsiteY83" fmla="*/ 1018779 h 6083134"/>
                <a:gd name="connsiteX84" fmla="*/ 2528911 w 9144000"/>
                <a:gd name="connsiteY84" fmla="*/ 825574 h 6083134"/>
                <a:gd name="connsiteX85" fmla="*/ 1030499 w 9144000"/>
                <a:gd name="connsiteY85" fmla="*/ 515179 h 6083134"/>
                <a:gd name="connsiteX86" fmla="*/ 0 w 9144000"/>
                <a:gd name="connsiteY86" fmla="*/ 348488 h 6083134"/>
                <a:gd name="connsiteX87" fmla="*/ 0 w 9144000"/>
                <a:gd name="connsiteY87"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0360 w 9144000"/>
                <a:gd name="connsiteY75" fmla="*/ 1538217 h 6083134"/>
                <a:gd name="connsiteX76" fmla="*/ 4160360 w 9144000"/>
                <a:gd name="connsiteY76" fmla="*/ 1520401 h 6083134"/>
                <a:gd name="connsiteX77" fmla="*/ 4163861 w 9144000"/>
                <a:gd name="connsiteY77" fmla="*/ 1497042 h 6083134"/>
                <a:gd name="connsiteX78" fmla="*/ 4139354 w 9144000"/>
                <a:gd name="connsiteY78" fmla="*/ 1452700 h 6083134"/>
                <a:gd name="connsiteX79" fmla="*/ 4072836 w 9144000"/>
                <a:gd name="connsiteY79" fmla="*/ 1392521 h 6083134"/>
                <a:gd name="connsiteX80" fmla="*/ 3852275 w 9144000"/>
                <a:gd name="connsiteY80" fmla="*/ 1259494 h 6083134"/>
                <a:gd name="connsiteX81" fmla="*/ 3558194 w 9144000"/>
                <a:gd name="connsiteY81" fmla="*/ 1132802 h 6083134"/>
                <a:gd name="connsiteX82" fmla="*/ 3232605 w 9144000"/>
                <a:gd name="connsiteY82" fmla="*/ 1018779 h 6083134"/>
                <a:gd name="connsiteX83" fmla="*/ 2528911 w 9144000"/>
                <a:gd name="connsiteY83" fmla="*/ 825574 h 6083134"/>
                <a:gd name="connsiteX84" fmla="*/ 1030499 w 9144000"/>
                <a:gd name="connsiteY84" fmla="*/ 515179 h 6083134"/>
                <a:gd name="connsiteX85" fmla="*/ 0 w 9144000"/>
                <a:gd name="connsiteY85" fmla="*/ 348488 h 6083134"/>
                <a:gd name="connsiteX86" fmla="*/ 0 w 9144000"/>
                <a:gd name="connsiteY86"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0360 w 9144000"/>
                <a:gd name="connsiteY75" fmla="*/ 1538217 h 6083134"/>
                <a:gd name="connsiteX76" fmla="*/ 4163861 w 9144000"/>
                <a:gd name="connsiteY76" fmla="*/ 1497042 h 6083134"/>
                <a:gd name="connsiteX77" fmla="*/ 4139354 w 9144000"/>
                <a:gd name="connsiteY77" fmla="*/ 1452700 h 6083134"/>
                <a:gd name="connsiteX78" fmla="*/ 4072836 w 9144000"/>
                <a:gd name="connsiteY78" fmla="*/ 1392521 h 6083134"/>
                <a:gd name="connsiteX79" fmla="*/ 3852275 w 9144000"/>
                <a:gd name="connsiteY79" fmla="*/ 1259494 h 6083134"/>
                <a:gd name="connsiteX80" fmla="*/ 3558194 w 9144000"/>
                <a:gd name="connsiteY80" fmla="*/ 1132802 h 6083134"/>
                <a:gd name="connsiteX81" fmla="*/ 3232605 w 9144000"/>
                <a:gd name="connsiteY81" fmla="*/ 1018779 h 6083134"/>
                <a:gd name="connsiteX82" fmla="*/ 2528911 w 9144000"/>
                <a:gd name="connsiteY82" fmla="*/ 825574 h 6083134"/>
                <a:gd name="connsiteX83" fmla="*/ 1030499 w 9144000"/>
                <a:gd name="connsiteY83" fmla="*/ 515179 h 6083134"/>
                <a:gd name="connsiteX84" fmla="*/ 0 w 9144000"/>
                <a:gd name="connsiteY84" fmla="*/ 348488 h 6083134"/>
                <a:gd name="connsiteX85" fmla="*/ 0 w 9144000"/>
                <a:gd name="connsiteY85"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3861 w 9144000"/>
                <a:gd name="connsiteY75" fmla="*/ 1497042 h 6083134"/>
                <a:gd name="connsiteX76" fmla="*/ 4139354 w 9144000"/>
                <a:gd name="connsiteY76" fmla="*/ 1452700 h 6083134"/>
                <a:gd name="connsiteX77" fmla="*/ 4072836 w 9144000"/>
                <a:gd name="connsiteY77" fmla="*/ 1392521 h 6083134"/>
                <a:gd name="connsiteX78" fmla="*/ 3852275 w 9144000"/>
                <a:gd name="connsiteY78" fmla="*/ 1259494 h 6083134"/>
                <a:gd name="connsiteX79" fmla="*/ 3558194 w 9144000"/>
                <a:gd name="connsiteY79" fmla="*/ 1132802 h 6083134"/>
                <a:gd name="connsiteX80" fmla="*/ 3232605 w 9144000"/>
                <a:gd name="connsiteY80" fmla="*/ 1018779 h 6083134"/>
                <a:gd name="connsiteX81" fmla="*/ 2528911 w 9144000"/>
                <a:gd name="connsiteY81" fmla="*/ 825574 h 6083134"/>
                <a:gd name="connsiteX82" fmla="*/ 1030499 w 9144000"/>
                <a:gd name="connsiteY82" fmla="*/ 515179 h 6083134"/>
                <a:gd name="connsiteX83" fmla="*/ 0 w 9144000"/>
                <a:gd name="connsiteY83" fmla="*/ 348488 h 6083134"/>
                <a:gd name="connsiteX84" fmla="*/ 0 w 9144000"/>
                <a:gd name="connsiteY84"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63861 w 9144000"/>
                <a:gd name="connsiteY75" fmla="*/ 1497042 h 6083134"/>
                <a:gd name="connsiteX76" fmla="*/ 4139354 w 9144000"/>
                <a:gd name="connsiteY76" fmla="*/ 1452700 h 6083134"/>
                <a:gd name="connsiteX77" fmla="*/ 4072836 w 9144000"/>
                <a:gd name="connsiteY77" fmla="*/ 1392521 h 6083134"/>
                <a:gd name="connsiteX78" fmla="*/ 3852275 w 9144000"/>
                <a:gd name="connsiteY78" fmla="*/ 1259494 h 6083134"/>
                <a:gd name="connsiteX79" fmla="*/ 3558194 w 9144000"/>
                <a:gd name="connsiteY79" fmla="*/ 1132802 h 6083134"/>
                <a:gd name="connsiteX80" fmla="*/ 3232605 w 9144000"/>
                <a:gd name="connsiteY80" fmla="*/ 1018779 h 6083134"/>
                <a:gd name="connsiteX81" fmla="*/ 2528911 w 9144000"/>
                <a:gd name="connsiteY81" fmla="*/ 825574 h 6083134"/>
                <a:gd name="connsiteX82" fmla="*/ 1030499 w 9144000"/>
                <a:gd name="connsiteY82" fmla="*/ 515179 h 6083134"/>
                <a:gd name="connsiteX83" fmla="*/ 0 w 9144000"/>
                <a:gd name="connsiteY83" fmla="*/ 348488 h 6083134"/>
                <a:gd name="connsiteX84" fmla="*/ 0 w 9144000"/>
                <a:gd name="connsiteY84"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39354 w 9144000"/>
                <a:gd name="connsiteY75" fmla="*/ 1452700 h 6083134"/>
                <a:gd name="connsiteX76" fmla="*/ 4072836 w 9144000"/>
                <a:gd name="connsiteY76" fmla="*/ 1392521 h 6083134"/>
                <a:gd name="connsiteX77" fmla="*/ 3852275 w 9144000"/>
                <a:gd name="connsiteY77" fmla="*/ 1259494 h 6083134"/>
                <a:gd name="connsiteX78" fmla="*/ 3558194 w 9144000"/>
                <a:gd name="connsiteY78" fmla="*/ 1132802 h 6083134"/>
                <a:gd name="connsiteX79" fmla="*/ 3232605 w 9144000"/>
                <a:gd name="connsiteY79" fmla="*/ 1018779 h 6083134"/>
                <a:gd name="connsiteX80" fmla="*/ 2528911 w 9144000"/>
                <a:gd name="connsiteY80" fmla="*/ 825574 h 6083134"/>
                <a:gd name="connsiteX81" fmla="*/ 1030499 w 9144000"/>
                <a:gd name="connsiteY81" fmla="*/ 515179 h 6083134"/>
                <a:gd name="connsiteX82" fmla="*/ 0 w 9144000"/>
                <a:gd name="connsiteY82" fmla="*/ 348488 h 6083134"/>
                <a:gd name="connsiteX83" fmla="*/ 0 w 9144000"/>
                <a:gd name="connsiteY83"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39354 w 9144000"/>
                <a:gd name="connsiteY75" fmla="*/ 1452700 h 6083134"/>
                <a:gd name="connsiteX76" fmla="*/ 4072836 w 9144000"/>
                <a:gd name="connsiteY76" fmla="*/ 1392521 h 6083134"/>
                <a:gd name="connsiteX77" fmla="*/ 3852275 w 9144000"/>
                <a:gd name="connsiteY77" fmla="*/ 1259494 h 6083134"/>
                <a:gd name="connsiteX78" fmla="*/ 3558194 w 9144000"/>
                <a:gd name="connsiteY78" fmla="*/ 1132802 h 6083134"/>
                <a:gd name="connsiteX79" fmla="*/ 3232605 w 9144000"/>
                <a:gd name="connsiteY79" fmla="*/ 1018779 h 6083134"/>
                <a:gd name="connsiteX80" fmla="*/ 2528911 w 9144000"/>
                <a:gd name="connsiteY80" fmla="*/ 825574 h 6083134"/>
                <a:gd name="connsiteX81" fmla="*/ 1030499 w 9144000"/>
                <a:gd name="connsiteY81" fmla="*/ 515179 h 6083134"/>
                <a:gd name="connsiteX82" fmla="*/ 0 w 9144000"/>
                <a:gd name="connsiteY82" fmla="*/ 348488 h 6083134"/>
                <a:gd name="connsiteX83" fmla="*/ 0 w 9144000"/>
                <a:gd name="connsiteY83"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39354 w 9144000"/>
                <a:gd name="connsiteY75" fmla="*/ 1452700 h 6083134"/>
                <a:gd name="connsiteX76" fmla="*/ 4072836 w 9144000"/>
                <a:gd name="connsiteY76" fmla="*/ 1392521 h 6083134"/>
                <a:gd name="connsiteX77" fmla="*/ 3852275 w 9144000"/>
                <a:gd name="connsiteY77" fmla="*/ 1259494 h 6083134"/>
                <a:gd name="connsiteX78" fmla="*/ 3558194 w 9144000"/>
                <a:gd name="connsiteY78" fmla="*/ 1132802 h 6083134"/>
                <a:gd name="connsiteX79" fmla="*/ 3232605 w 9144000"/>
                <a:gd name="connsiteY79" fmla="*/ 1018779 h 6083134"/>
                <a:gd name="connsiteX80" fmla="*/ 2528911 w 9144000"/>
                <a:gd name="connsiteY80" fmla="*/ 825574 h 6083134"/>
                <a:gd name="connsiteX81" fmla="*/ 1030499 w 9144000"/>
                <a:gd name="connsiteY81" fmla="*/ 515179 h 6083134"/>
                <a:gd name="connsiteX82" fmla="*/ 0 w 9144000"/>
                <a:gd name="connsiteY82" fmla="*/ 348488 h 6083134"/>
                <a:gd name="connsiteX83" fmla="*/ 0 w 9144000"/>
                <a:gd name="connsiteY83"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84753 h 6083134"/>
                <a:gd name="connsiteX32" fmla="*/ 2525410 w 9144000"/>
                <a:gd name="connsiteY32" fmla="*/ 3394255 h 6083134"/>
                <a:gd name="connsiteX33" fmla="*/ 2528911 w 9144000"/>
                <a:gd name="connsiteY33" fmla="*/ 3399797 h 6083134"/>
                <a:gd name="connsiteX34" fmla="*/ 2563921 w 9144000"/>
                <a:gd name="connsiteY34" fmla="*/ 3470270 h 6083134"/>
                <a:gd name="connsiteX35" fmla="*/ 2640942 w 9144000"/>
                <a:gd name="connsiteY35" fmla="*/ 3558954 h 6083134"/>
                <a:gd name="connsiteX36" fmla="*/ 2977035 w 9144000"/>
                <a:gd name="connsiteY36" fmla="*/ 3787000 h 6083134"/>
                <a:gd name="connsiteX37" fmla="*/ 3491676 w 9144000"/>
                <a:gd name="connsiteY37" fmla="*/ 4018213 h 6083134"/>
                <a:gd name="connsiteX38" fmla="*/ 4104345 w 9144000"/>
                <a:gd name="connsiteY38" fmla="*/ 4230422 h 6083134"/>
                <a:gd name="connsiteX39" fmla="*/ 4769528 w 9144000"/>
                <a:gd name="connsiteY39" fmla="*/ 4414126 h 6083134"/>
                <a:gd name="connsiteX40" fmla="*/ 6183917 w 9144000"/>
                <a:gd name="connsiteY40" fmla="*/ 4727688 h 6083134"/>
                <a:gd name="connsiteX41" fmla="*/ 7661324 w 9144000"/>
                <a:gd name="connsiteY41" fmla="*/ 4977905 h 6083134"/>
                <a:gd name="connsiteX42" fmla="*/ 9144000 w 9144000"/>
                <a:gd name="connsiteY42" fmla="*/ 5180860 h 6083134"/>
                <a:gd name="connsiteX43" fmla="*/ 9144000 w 9144000"/>
                <a:gd name="connsiteY43" fmla="*/ 6083134 h 6083134"/>
                <a:gd name="connsiteX44" fmla="*/ 4375201 w 9144000"/>
                <a:gd name="connsiteY44" fmla="*/ 6083134 h 6083134"/>
                <a:gd name="connsiteX45" fmla="*/ 3764751 w 9144000"/>
                <a:gd name="connsiteY45" fmla="*/ 5874251 h 6083134"/>
                <a:gd name="connsiteX46" fmla="*/ 3001541 w 9144000"/>
                <a:gd name="connsiteY46" fmla="*/ 5582860 h 6083134"/>
                <a:gd name="connsiteX47" fmla="*/ 2252335 w 9144000"/>
                <a:gd name="connsiteY47" fmla="*/ 5234456 h 6083134"/>
                <a:gd name="connsiteX48" fmla="*/ 1524135 w 9144000"/>
                <a:gd name="connsiteY48" fmla="*/ 4797369 h 6083134"/>
                <a:gd name="connsiteX49" fmla="*/ 1181040 w 9144000"/>
                <a:gd name="connsiteY49" fmla="*/ 4521814 h 6083134"/>
                <a:gd name="connsiteX50" fmla="*/ 879957 w 9144000"/>
                <a:gd name="connsiteY50" fmla="*/ 4186080 h 6083134"/>
                <a:gd name="connsiteX51" fmla="*/ 673400 w 9144000"/>
                <a:gd name="connsiteY51" fmla="*/ 3774331 h 6083134"/>
                <a:gd name="connsiteX52" fmla="*/ 641892 w 9144000"/>
                <a:gd name="connsiteY52" fmla="*/ 3315072 h 6083134"/>
                <a:gd name="connsiteX53" fmla="*/ 645393 w 9144000"/>
                <a:gd name="connsiteY53" fmla="*/ 3286567 h 6083134"/>
                <a:gd name="connsiteX54" fmla="*/ 648456 w 9144000"/>
                <a:gd name="connsiteY54" fmla="*/ 3269938 h 6083134"/>
                <a:gd name="connsiteX55" fmla="*/ 652395 w 9144000"/>
                <a:gd name="connsiteY55" fmla="*/ 3254894 h 6083134"/>
                <a:gd name="connsiteX56" fmla="*/ 655458 w 9144000"/>
                <a:gd name="connsiteY56" fmla="*/ 3246579 h 6083134"/>
                <a:gd name="connsiteX57" fmla="*/ 655896 w 9144000"/>
                <a:gd name="connsiteY57" fmla="*/ 3238265 h 6083134"/>
                <a:gd name="connsiteX58" fmla="*/ 655896 w 9144000"/>
                <a:gd name="connsiteY58" fmla="*/ 3235890 h 6083134"/>
                <a:gd name="connsiteX59" fmla="*/ 658959 w 9144000"/>
                <a:gd name="connsiteY59" fmla="*/ 3230347 h 6083134"/>
                <a:gd name="connsiteX60" fmla="*/ 666398 w 9144000"/>
                <a:gd name="connsiteY60" fmla="*/ 3207384 h 6083134"/>
                <a:gd name="connsiteX61" fmla="*/ 694406 w 9144000"/>
                <a:gd name="connsiteY61" fmla="*/ 3115533 h 6083134"/>
                <a:gd name="connsiteX62" fmla="*/ 778429 w 9144000"/>
                <a:gd name="connsiteY62" fmla="*/ 2925494 h 6083134"/>
                <a:gd name="connsiteX63" fmla="*/ 1062007 w 9144000"/>
                <a:gd name="connsiteY63" fmla="*/ 2548585 h 6083134"/>
                <a:gd name="connsiteX64" fmla="*/ 1506630 w 9144000"/>
                <a:gd name="connsiteY64" fmla="*/ 2222354 h 6083134"/>
                <a:gd name="connsiteX65" fmla="*/ 2031774 w 9144000"/>
                <a:gd name="connsiteY65" fmla="*/ 2016479 h 6083134"/>
                <a:gd name="connsiteX66" fmla="*/ 2532412 w 9144000"/>
                <a:gd name="connsiteY66" fmla="*/ 1905623 h 6083134"/>
                <a:gd name="connsiteX67" fmla="*/ 2984036 w 9144000"/>
                <a:gd name="connsiteY67" fmla="*/ 1851779 h 6083134"/>
                <a:gd name="connsiteX68" fmla="*/ 3386647 w 9144000"/>
                <a:gd name="connsiteY68" fmla="*/ 1816939 h 6083134"/>
                <a:gd name="connsiteX69" fmla="*/ 3726241 w 9144000"/>
                <a:gd name="connsiteY69" fmla="*/ 1782099 h 6083134"/>
                <a:gd name="connsiteX70" fmla="*/ 3967807 w 9144000"/>
                <a:gd name="connsiteY70" fmla="*/ 1740924 h 6083134"/>
                <a:gd name="connsiteX71" fmla="*/ 4030824 w 9144000"/>
                <a:gd name="connsiteY71" fmla="*/ 1725087 h 6083134"/>
                <a:gd name="connsiteX72" fmla="*/ 4072836 w 9144000"/>
                <a:gd name="connsiteY72" fmla="*/ 1709251 h 6083134"/>
                <a:gd name="connsiteX73" fmla="*/ 4111347 w 9144000"/>
                <a:gd name="connsiteY73" fmla="*/ 1680745 h 6083134"/>
                <a:gd name="connsiteX74" fmla="*/ 4142855 w 9144000"/>
                <a:gd name="connsiteY74" fmla="*/ 1623734 h 6083134"/>
                <a:gd name="connsiteX75" fmla="*/ 4139354 w 9144000"/>
                <a:gd name="connsiteY75" fmla="*/ 1452700 h 6083134"/>
                <a:gd name="connsiteX76" fmla="*/ 4072836 w 9144000"/>
                <a:gd name="connsiteY76" fmla="*/ 1392521 h 6083134"/>
                <a:gd name="connsiteX77" fmla="*/ 3852275 w 9144000"/>
                <a:gd name="connsiteY77" fmla="*/ 1259494 h 6083134"/>
                <a:gd name="connsiteX78" fmla="*/ 3558194 w 9144000"/>
                <a:gd name="connsiteY78" fmla="*/ 1132802 h 6083134"/>
                <a:gd name="connsiteX79" fmla="*/ 3232605 w 9144000"/>
                <a:gd name="connsiteY79" fmla="*/ 1018779 h 6083134"/>
                <a:gd name="connsiteX80" fmla="*/ 2528911 w 9144000"/>
                <a:gd name="connsiteY80" fmla="*/ 825574 h 6083134"/>
                <a:gd name="connsiteX81" fmla="*/ 1030499 w 9144000"/>
                <a:gd name="connsiteY81" fmla="*/ 515179 h 6083134"/>
                <a:gd name="connsiteX82" fmla="*/ 0 w 9144000"/>
                <a:gd name="connsiteY82" fmla="*/ 348488 h 6083134"/>
                <a:gd name="connsiteX83" fmla="*/ 0 w 9144000"/>
                <a:gd name="connsiteY83"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80398 h 6083134"/>
                <a:gd name="connsiteX31" fmla="*/ 2525410 w 9144000"/>
                <a:gd name="connsiteY31" fmla="*/ 3394255 h 6083134"/>
                <a:gd name="connsiteX32" fmla="*/ 2528911 w 9144000"/>
                <a:gd name="connsiteY32" fmla="*/ 3399797 h 6083134"/>
                <a:gd name="connsiteX33" fmla="*/ 2563921 w 9144000"/>
                <a:gd name="connsiteY33" fmla="*/ 3470270 h 6083134"/>
                <a:gd name="connsiteX34" fmla="*/ 2640942 w 9144000"/>
                <a:gd name="connsiteY34" fmla="*/ 3558954 h 6083134"/>
                <a:gd name="connsiteX35" fmla="*/ 2977035 w 9144000"/>
                <a:gd name="connsiteY35" fmla="*/ 3787000 h 6083134"/>
                <a:gd name="connsiteX36" fmla="*/ 3491676 w 9144000"/>
                <a:gd name="connsiteY36" fmla="*/ 4018213 h 6083134"/>
                <a:gd name="connsiteX37" fmla="*/ 4104345 w 9144000"/>
                <a:gd name="connsiteY37" fmla="*/ 4230422 h 6083134"/>
                <a:gd name="connsiteX38" fmla="*/ 4769528 w 9144000"/>
                <a:gd name="connsiteY38" fmla="*/ 4414126 h 6083134"/>
                <a:gd name="connsiteX39" fmla="*/ 6183917 w 9144000"/>
                <a:gd name="connsiteY39" fmla="*/ 4727688 h 6083134"/>
                <a:gd name="connsiteX40" fmla="*/ 7661324 w 9144000"/>
                <a:gd name="connsiteY40" fmla="*/ 4977905 h 6083134"/>
                <a:gd name="connsiteX41" fmla="*/ 9144000 w 9144000"/>
                <a:gd name="connsiteY41" fmla="*/ 5180860 h 6083134"/>
                <a:gd name="connsiteX42" fmla="*/ 9144000 w 9144000"/>
                <a:gd name="connsiteY42" fmla="*/ 6083134 h 6083134"/>
                <a:gd name="connsiteX43" fmla="*/ 4375201 w 9144000"/>
                <a:gd name="connsiteY43" fmla="*/ 6083134 h 6083134"/>
                <a:gd name="connsiteX44" fmla="*/ 3764751 w 9144000"/>
                <a:gd name="connsiteY44" fmla="*/ 5874251 h 6083134"/>
                <a:gd name="connsiteX45" fmla="*/ 3001541 w 9144000"/>
                <a:gd name="connsiteY45" fmla="*/ 5582860 h 6083134"/>
                <a:gd name="connsiteX46" fmla="*/ 2252335 w 9144000"/>
                <a:gd name="connsiteY46" fmla="*/ 5234456 h 6083134"/>
                <a:gd name="connsiteX47" fmla="*/ 1524135 w 9144000"/>
                <a:gd name="connsiteY47" fmla="*/ 4797369 h 6083134"/>
                <a:gd name="connsiteX48" fmla="*/ 1181040 w 9144000"/>
                <a:gd name="connsiteY48" fmla="*/ 4521814 h 6083134"/>
                <a:gd name="connsiteX49" fmla="*/ 879957 w 9144000"/>
                <a:gd name="connsiteY49" fmla="*/ 4186080 h 6083134"/>
                <a:gd name="connsiteX50" fmla="*/ 673400 w 9144000"/>
                <a:gd name="connsiteY50" fmla="*/ 3774331 h 6083134"/>
                <a:gd name="connsiteX51" fmla="*/ 641892 w 9144000"/>
                <a:gd name="connsiteY51" fmla="*/ 3315072 h 6083134"/>
                <a:gd name="connsiteX52" fmla="*/ 645393 w 9144000"/>
                <a:gd name="connsiteY52" fmla="*/ 3286567 h 6083134"/>
                <a:gd name="connsiteX53" fmla="*/ 648456 w 9144000"/>
                <a:gd name="connsiteY53" fmla="*/ 3269938 h 6083134"/>
                <a:gd name="connsiteX54" fmla="*/ 652395 w 9144000"/>
                <a:gd name="connsiteY54" fmla="*/ 3254894 h 6083134"/>
                <a:gd name="connsiteX55" fmla="*/ 655458 w 9144000"/>
                <a:gd name="connsiteY55" fmla="*/ 3246579 h 6083134"/>
                <a:gd name="connsiteX56" fmla="*/ 655896 w 9144000"/>
                <a:gd name="connsiteY56" fmla="*/ 3238265 h 6083134"/>
                <a:gd name="connsiteX57" fmla="*/ 655896 w 9144000"/>
                <a:gd name="connsiteY57" fmla="*/ 3235890 h 6083134"/>
                <a:gd name="connsiteX58" fmla="*/ 658959 w 9144000"/>
                <a:gd name="connsiteY58" fmla="*/ 3230347 h 6083134"/>
                <a:gd name="connsiteX59" fmla="*/ 666398 w 9144000"/>
                <a:gd name="connsiteY59" fmla="*/ 3207384 h 6083134"/>
                <a:gd name="connsiteX60" fmla="*/ 694406 w 9144000"/>
                <a:gd name="connsiteY60" fmla="*/ 3115533 h 6083134"/>
                <a:gd name="connsiteX61" fmla="*/ 778429 w 9144000"/>
                <a:gd name="connsiteY61" fmla="*/ 2925494 h 6083134"/>
                <a:gd name="connsiteX62" fmla="*/ 1062007 w 9144000"/>
                <a:gd name="connsiteY62" fmla="*/ 2548585 h 6083134"/>
                <a:gd name="connsiteX63" fmla="*/ 1506630 w 9144000"/>
                <a:gd name="connsiteY63" fmla="*/ 2222354 h 6083134"/>
                <a:gd name="connsiteX64" fmla="*/ 2031774 w 9144000"/>
                <a:gd name="connsiteY64" fmla="*/ 2016479 h 6083134"/>
                <a:gd name="connsiteX65" fmla="*/ 2532412 w 9144000"/>
                <a:gd name="connsiteY65" fmla="*/ 1905623 h 6083134"/>
                <a:gd name="connsiteX66" fmla="*/ 2984036 w 9144000"/>
                <a:gd name="connsiteY66" fmla="*/ 1851779 h 6083134"/>
                <a:gd name="connsiteX67" fmla="*/ 3386647 w 9144000"/>
                <a:gd name="connsiteY67" fmla="*/ 1816939 h 6083134"/>
                <a:gd name="connsiteX68" fmla="*/ 3726241 w 9144000"/>
                <a:gd name="connsiteY68" fmla="*/ 1782099 h 6083134"/>
                <a:gd name="connsiteX69" fmla="*/ 3967807 w 9144000"/>
                <a:gd name="connsiteY69" fmla="*/ 1740924 h 6083134"/>
                <a:gd name="connsiteX70" fmla="*/ 4030824 w 9144000"/>
                <a:gd name="connsiteY70" fmla="*/ 1725087 h 6083134"/>
                <a:gd name="connsiteX71" fmla="*/ 4072836 w 9144000"/>
                <a:gd name="connsiteY71" fmla="*/ 1709251 h 6083134"/>
                <a:gd name="connsiteX72" fmla="*/ 4111347 w 9144000"/>
                <a:gd name="connsiteY72" fmla="*/ 1680745 h 6083134"/>
                <a:gd name="connsiteX73" fmla="*/ 4142855 w 9144000"/>
                <a:gd name="connsiteY73" fmla="*/ 1623734 h 6083134"/>
                <a:gd name="connsiteX74" fmla="*/ 4139354 w 9144000"/>
                <a:gd name="connsiteY74" fmla="*/ 1452700 h 6083134"/>
                <a:gd name="connsiteX75" fmla="*/ 4072836 w 9144000"/>
                <a:gd name="connsiteY75" fmla="*/ 1392521 h 6083134"/>
                <a:gd name="connsiteX76" fmla="*/ 3852275 w 9144000"/>
                <a:gd name="connsiteY76" fmla="*/ 1259494 h 6083134"/>
                <a:gd name="connsiteX77" fmla="*/ 3558194 w 9144000"/>
                <a:gd name="connsiteY77" fmla="*/ 1132802 h 6083134"/>
                <a:gd name="connsiteX78" fmla="*/ 3232605 w 9144000"/>
                <a:gd name="connsiteY78" fmla="*/ 1018779 h 6083134"/>
                <a:gd name="connsiteX79" fmla="*/ 2528911 w 9144000"/>
                <a:gd name="connsiteY79" fmla="*/ 825574 h 6083134"/>
                <a:gd name="connsiteX80" fmla="*/ 1030499 w 9144000"/>
                <a:gd name="connsiteY80" fmla="*/ 515179 h 6083134"/>
                <a:gd name="connsiteX81" fmla="*/ 0 w 9144000"/>
                <a:gd name="connsiteY81" fmla="*/ 348488 h 6083134"/>
                <a:gd name="connsiteX82" fmla="*/ 0 w 9144000"/>
                <a:gd name="connsiteY82"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72084 h 6083134"/>
                <a:gd name="connsiteX30" fmla="*/ 2525410 w 9144000"/>
                <a:gd name="connsiteY30" fmla="*/ 3394255 h 6083134"/>
                <a:gd name="connsiteX31" fmla="*/ 2528911 w 9144000"/>
                <a:gd name="connsiteY31" fmla="*/ 3399797 h 6083134"/>
                <a:gd name="connsiteX32" fmla="*/ 2563921 w 9144000"/>
                <a:gd name="connsiteY32" fmla="*/ 3470270 h 6083134"/>
                <a:gd name="connsiteX33" fmla="*/ 2640942 w 9144000"/>
                <a:gd name="connsiteY33" fmla="*/ 3558954 h 6083134"/>
                <a:gd name="connsiteX34" fmla="*/ 2977035 w 9144000"/>
                <a:gd name="connsiteY34" fmla="*/ 3787000 h 6083134"/>
                <a:gd name="connsiteX35" fmla="*/ 3491676 w 9144000"/>
                <a:gd name="connsiteY35" fmla="*/ 4018213 h 6083134"/>
                <a:gd name="connsiteX36" fmla="*/ 4104345 w 9144000"/>
                <a:gd name="connsiteY36" fmla="*/ 4230422 h 6083134"/>
                <a:gd name="connsiteX37" fmla="*/ 4769528 w 9144000"/>
                <a:gd name="connsiteY37" fmla="*/ 4414126 h 6083134"/>
                <a:gd name="connsiteX38" fmla="*/ 6183917 w 9144000"/>
                <a:gd name="connsiteY38" fmla="*/ 4727688 h 6083134"/>
                <a:gd name="connsiteX39" fmla="*/ 7661324 w 9144000"/>
                <a:gd name="connsiteY39" fmla="*/ 4977905 h 6083134"/>
                <a:gd name="connsiteX40" fmla="*/ 9144000 w 9144000"/>
                <a:gd name="connsiteY40" fmla="*/ 5180860 h 6083134"/>
                <a:gd name="connsiteX41" fmla="*/ 9144000 w 9144000"/>
                <a:gd name="connsiteY41" fmla="*/ 6083134 h 6083134"/>
                <a:gd name="connsiteX42" fmla="*/ 4375201 w 9144000"/>
                <a:gd name="connsiteY42" fmla="*/ 6083134 h 6083134"/>
                <a:gd name="connsiteX43" fmla="*/ 3764751 w 9144000"/>
                <a:gd name="connsiteY43" fmla="*/ 5874251 h 6083134"/>
                <a:gd name="connsiteX44" fmla="*/ 3001541 w 9144000"/>
                <a:gd name="connsiteY44" fmla="*/ 5582860 h 6083134"/>
                <a:gd name="connsiteX45" fmla="*/ 2252335 w 9144000"/>
                <a:gd name="connsiteY45" fmla="*/ 5234456 h 6083134"/>
                <a:gd name="connsiteX46" fmla="*/ 1524135 w 9144000"/>
                <a:gd name="connsiteY46" fmla="*/ 4797369 h 6083134"/>
                <a:gd name="connsiteX47" fmla="*/ 1181040 w 9144000"/>
                <a:gd name="connsiteY47" fmla="*/ 4521814 h 6083134"/>
                <a:gd name="connsiteX48" fmla="*/ 879957 w 9144000"/>
                <a:gd name="connsiteY48" fmla="*/ 4186080 h 6083134"/>
                <a:gd name="connsiteX49" fmla="*/ 673400 w 9144000"/>
                <a:gd name="connsiteY49" fmla="*/ 3774331 h 6083134"/>
                <a:gd name="connsiteX50" fmla="*/ 641892 w 9144000"/>
                <a:gd name="connsiteY50" fmla="*/ 3315072 h 6083134"/>
                <a:gd name="connsiteX51" fmla="*/ 645393 w 9144000"/>
                <a:gd name="connsiteY51" fmla="*/ 3286567 h 6083134"/>
                <a:gd name="connsiteX52" fmla="*/ 648456 w 9144000"/>
                <a:gd name="connsiteY52" fmla="*/ 3269938 h 6083134"/>
                <a:gd name="connsiteX53" fmla="*/ 652395 w 9144000"/>
                <a:gd name="connsiteY53" fmla="*/ 3254894 h 6083134"/>
                <a:gd name="connsiteX54" fmla="*/ 655458 w 9144000"/>
                <a:gd name="connsiteY54" fmla="*/ 3246579 h 6083134"/>
                <a:gd name="connsiteX55" fmla="*/ 655896 w 9144000"/>
                <a:gd name="connsiteY55" fmla="*/ 3238265 h 6083134"/>
                <a:gd name="connsiteX56" fmla="*/ 655896 w 9144000"/>
                <a:gd name="connsiteY56" fmla="*/ 3235890 h 6083134"/>
                <a:gd name="connsiteX57" fmla="*/ 658959 w 9144000"/>
                <a:gd name="connsiteY57" fmla="*/ 3230347 h 6083134"/>
                <a:gd name="connsiteX58" fmla="*/ 666398 w 9144000"/>
                <a:gd name="connsiteY58" fmla="*/ 3207384 h 6083134"/>
                <a:gd name="connsiteX59" fmla="*/ 694406 w 9144000"/>
                <a:gd name="connsiteY59" fmla="*/ 3115533 h 6083134"/>
                <a:gd name="connsiteX60" fmla="*/ 778429 w 9144000"/>
                <a:gd name="connsiteY60" fmla="*/ 2925494 h 6083134"/>
                <a:gd name="connsiteX61" fmla="*/ 1062007 w 9144000"/>
                <a:gd name="connsiteY61" fmla="*/ 2548585 h 6083134"/>
                <a:gd name="connsiteX62" fmla="*/ 1506630 w 9144000"/>
                <a:gd name="connsiteY62" fmla="*/ 2222354 h 6083134"/>
                <a:gd name="connsiteX63" fmla="*/ 2031774 w 9144000"/>
                <a:gd name="connsiteY63" fmla="*/ 2016479 h 6083134"/>
                <a:gd name="connsiteX64" fmla="*/ 2532412 w 9144000"/>
                <a:gd name="connsiteY64" fmla="*/ 1905623 h 6083134"/>
                <a:gd name="connsiteX65" fmla="*/ 2984036 w 9144000"/>
                <a:gd name="connsiteY65" fmla="*/ 1851779 h 6083134"/>
                <a:gd name="connsiteX66" fmla="*/ 3386647 w 9144000"/>
                <a:gd name="connsiteY66" fmla="*/ 1816939 h 6083134"/>
                <a:gd name="connsiteX67" fmla="*/ 3726241 w 9144000"/>
                <a:gd name="connsiteY67" fmla="*/ 1782099 h 6083134"/>
                <a:gd name="connsiteX68" fmla="*/ 3967807 w 9144000"/>
                <a:gd name="connsiteY68" fmla="*/ 1740924 h 6083134"/>
                <a:gd name="connsiteX69" fmla="*/ 4030824 w 9144000"/>
                <a:gd name="connsiteY69" fmla="*/ 1725087 h 6083134"/>
                <a:gd name="connsiteX70" fmla="*/ 4072836 w 9144000"/>
                <a:gd name="connsiteY70" fmla="*/ 1709251 h 6083134"/>
                <a:gd name="connsiteX71" fmla="*/ 4111347 w 9144000"/>
                <a:gd name="connsiteY71" fmla="*/ 1680745 h 6083134"/>
                <a:gd name="connsiteX72" fmla="*/ 4142855 w 9144000"/>
                <a:gd name="connsiteY72" fmla="*/ 1623734 h 6083134"/>
                <a:gd name="connsiteX73" fmla="*/ 4139354 w 9144000"/>
                <a:gd name="connsiteY73" fmla="*/ 1452700 h 6083134"/>
                <a:gd name="connsiteX74" fmla="*/ 4072836 w 9144000"/>
                <a:gd name="connsiteY74" fmla="*/ 1392521 h 6083134"/>
                <a:gd name="connsiteX75" fmla="*/ 3852275 w 9144000"/>
                <a:gd name="connsiteY75" fmla="*/ 1259494 h 6083134"/>
                <a:gd name="connsiteX76" fmla="*/ 3558194 w 9144000"/>
                <a:gd name="connsiteY76" fmla="*/ 1132802 h 6083134"/>
                <a:gd name="connsiteX77" fmla="*/ 3232605 w 9144000"/>
                <a:gd name="connsiteY77" fmla="*/ 1018779 h 6083134"/>
                <a:gd name="connsiteX78" fmla="*/ 2528911 w 9144000"/>
                <a:gd name="connsiteY78" fmla="*/ 825574 h 6083134"/>
                <a:gd name="connsiteX79" fmla="*/ 1030499 w 9144000"/>
                <a:gd name="connsiteY79" fmla="*/ 515179 h 6083134"/>
                <a:gd name="connsiteX80" fmla="*/ 0 w 9144000"/>
                <a:gd name="connsiteY80" fmla="*/ 348488 h 6083134"/>
                <a:gd name="connsiteX81" fmla="*/ 0 w 9144000"/>
                <a:gd name="connsiteY81"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94255 h 6083134"/>
                <a:gd name="connsiteX30" fmla="*/ 2528911 w 9144000"/>
                <a:gd name="connsiteY30" fmla="*/ 3399797 h 6083134"/>
                <a:gd name="connsiteX31" fmla="*/ 2563921 w 9144000"/>
                <a:gd name="connsiteY31" fmla="*/ 3470270 h 6083134"/>
                <a:gd name="connsiteX32" fmla="*/ 2640942 w 9144000"/>
                <a:gd name="connsiteY32" fmla="*/ 3558954 h 6083134"/>
                <a:gd name="connsiteX33" fmla="*/ 2977035 w 9144000"/>
                <a:gd name="connsiteY33" fmla="*/ 3787000 h 6083134"/>
                <a:gd name="connsiteX34" fmla="*/ 3491676 w 9144000"/>
                <a:gd name="connsiteY34" fmla="*/ 4018213 h 6083134"/>
                <a:gd name="connsiteX35" fmla="*/ 4104345 w 9144000"/>
                <a:gd name="connsiteY35" fmla="*/ 4230422 h 6083134"/>
                <a:gd name="connsiteX36" fmla="*/ 4769528 w 9144000"/>
                <a:gd name="connsiteY36" fmla="*/ 4414126 h 6083134"/>
                <a:gd name="connsiteX37" fmla="*/ 6183917 w 9144000"/>
                <a:gd name="connsiteY37" fmla="*/ 4727688 h 6083134"/>
                <a:gd name="connsiteX38" fmla="*/ 7661324 w 9144000"/>
                <a:gd name="connsiteY38" fmla="*/ 4977905 h 6083134"/>
                <a:gd name="connsiteX39" fmla="*/ 9144000 w 9144000"/>
                <a:gd name="connsiteY39" fmla="*/ 5180860 h 6083134"/>
                <a:gd name="connsiteX40" fmla="*/ 9144000 w 9144000"/>
                <a:gd name="connsiteY40" fmla="*/ 6083134 h 6083134"/>
                <a:gd name="connsiteX41" fmla="*/ 4375201 w 9144000"/>
                <a:gd name="connsiteY41" fmla="*/ 6083134 h 6083134"/>
                <a:gd name="connsiteX42" fmla="*/ 3764751 w 9144000"/>
                <a:gd name="connsiteY42" fmla="*/ 5874251 h 6083134"/>
                <a:gd name="connsiteX43" fmla="*/ 3001541 w 9144000"/>
                <a:gd name="connsiteY43" fmla="*/ 5582860 h 6083134"/>
                <a:gd name="connsiteX44" fmla="*/ 2252335 w 9144000"/>
                <a:gd name="connsiteY44" fmla="*/ 5234456 h 6083134"/>
                <a:gd name="connsiteX45" fmla="*/ 1524135 w 9144000"/>
                <a:gd name="connsiteY45" fmla="*/ 4797369 h 6083134"/>
                <a:gd name="connsiteX46" fmla="*/ 1181040 w 9144000"/>
                <a:gd name="connsiteY46" fmla="*/ 4521814 h 6083134"/>
                <a:gd name="connsiteX47" fmla="*/ 879957 w 9144000"/>
                <a:gd name="connsiteY47" fmla="*/ 4186080 h 6083134"/>
                <a:gd name="connsiteX48" fmla="*/ 673400 w 9144000"/>
                <a:gd name="connsiteY48" fmla="*/ 3774331 h 6083134"/>
                <a:gd name="connsiteX49" fmla="*/ 641892 w 9144000"/>
                <a:gd name="connsiteY49" fmla="*/ 3315072 h 6083134"/>
                <a:gd name="connsiteX50" fmla="*/ 645393 w 9144000"/>
                <a:gd name="connsiteY50" fmla="*/ 3286567 h 6083134"/>
                <a:gd name="connsiteX51" fmla="*/ 648456 w 9144000"/>
                <a:gd name="connsiteY51" fmla="*/ 3269938 h 6083134"/>
                <a:gd name="connsiteX52" fmla="*/ 652395 w 9144000"/>
                <a:gd name="connsiteY52" fmla="*/ 3254894 h 6083134"/>
                <a:gd name="connsiteX53" fmla="*/ 655458 w 9144000"/>
                <a:gd name="connsiteY53" fmla="*/ 3246579 h 6083134"/>
                <a:gd name="connsiteX54" fmla="*/ 655896 w 9144000"/>
                <a:gd name="connsiteY54" fmla="*/ 3238265 h 6083134"/>
                <a:gd name="connsiteX55" fmla="*/ 655896 w 9144000"/>
                <a:gd name="connsiteY55" fmla="*/ 3235890 h 6083134"/>
                <a:gd name="connsiteX56" fmla="*/ 658959 w 9144000"/>
                <a:gd name="connsiteY56" fmla="*/ 3230347 h 6083134"/>
                <a:gd name="connsiteX57" fmla="*/ 666398 w 9144000"/>
                <a:gd name="connsiteY57" fmla="*/ 3207384 h 6083134"/>
                <a:gd name="connsiteX58" fmla="*/ 694406 w 9144000"/>
                <a:gd name="connsiteY58" fmla="*/ 3115533 h 6083134"/>
                <a:gd name="connsiteX59" fmla="*/ 778429 w 9144000"/>
                <a:gd name="connsiteY59" fmla="*/ 2925494 h 6083134"/>
                <a:gd name="connsiteX60" fmla="*/ 1062007 w 9144000"/>
                <a:gd name="connsiteY60" fmla="*/ 2548585 h 6083134"/>
                <a:gd name="connsiteX61" fmla="*/ 1506630 w 9144000"/>
                <a:gd name="connsiteY61" fmla="*/ 2222354 h 6083134"/>
                <a:gd name="connsiteX62" fmla="*/ 2031774 w 9144000"/>
                <a:gd name="connsiteY62" fmla="*/ 2016479 h 6083134"/>
                <a:gd name="connsiteX63" fmla="*/ 2532412 w 9144000"/>
                <a:gd name="connsiteY63" fmla="*/ 1905623 h 6083134"/>
                <a:gd name="connsiteX64" fmla="*/ 2984036 w 9144000"/>
                <a:gd name="connsiteY64" fmla="*/ 1851779 h 6083134"/>
                <a:gd name="connsiteX65" fmla="*/ 3386647 w 9144000"/>
                <a:gd name="connsiteY65" fmla="*/ 1816939 h 6083134"/>
                <a:gd name="connsiteX66" fmla="*/ 3726241 w 9144000"/>
                <a:gd name="connsiteY66" fmla="*/ 1782099 h 6083134"/>
                <a:gd name="connsiteX67" fmla="*/ 3967807 w 9144000"/>
                <a:gd name="connsiteY67" fmla="*/ 1740924 h 6083134"/>
                <a:gd name="connsiteX68" fmla="*/ 4030824 w 9144000"/>
                <a:gd name="connsiteY68" fmla="*/ 1725087 h 6083134"/>
                <a:gd name="connsiteX69" fmla="*/ 4072836 w 9144000"/>
                <a:gd name="connsiteY69" fmla="*/ 1709251 h 6083134"/>
                <a:gd name="connsiteX70" fmla="*/ 4111347 w 9144000"/>
                <a:gd name="connsiteY70" fmla="*/ 1680745 h 6083134"/>
                <a:gd name="connsiteX71" fmla="*/ 4142855 w 9144000"/>
                <a:gd name="connsiteY71" fmla="*/ 1623734 h 6083134"/>
                <a:gd name="connsiteX72" fmla="*/ 4139354 w 9144000"/>
                <a:gd name="connsiteY72" fmla="*/ 1452700 h 6083134"/>
                <a:gd name="connsiteX73" fmla="*/ 4072836 w 9144000"/>
                <a:gd name="connsiteY73" fmla="*/ 1392521 h 6083134"/>
                <a:gd name="connsiteX74" fmla="*/ 3852275 w 9144000"/>
                <a:gd name="connsiteY74" fmla="*/ 1259494 h 6083134"/>
                <a:gd name="connsiteX75" fmla="*/ 3558194 w 9144000"/>
                <a:gd name="connsiteY75" fmla="*/ 1132802 h 6083134"/>
                <a:gd name="connsiteX76" fmla="*/ 3232605 w 9144000"/>
                <a:gd name="connsiteY76" fmla="*/ 1018779 h 6083134"/>
                <a:gd name="connsiteX77" fmla="*/ 2528911 w 9144000"/>
                <a:gd name="connsiteY77" fmla="*/ 825574 h 6083134"/>
                <a:gd name="connsiteX78" fmla="*/ 1030499 w 9144000"/>
                <a:gd name="connsiteY78" fmla="*/ 515179 h 6083134"/>
                <a:gd name="connsiteX79" fmla="*/ 0 w 9144000"/>
                <a:gd name="connsiteY79" fmla="*/ 348488 h 6083134"/>
                <a:gd name="connsiteX80" fmla="*/ 0 w 9144000"/>
                <a:gd name="connsiteY80"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25410 w 9144000"/>
                <a:gd name="connsiteY29" fmla="*/ 3394255 h 6083134"/>
                <a:gd name="connsiteX30" fmla="*/ 2563921 w 9144000"/>
                <a:gd name="connsiteY30" fmla="*/ 3470270 h 6083134"/>
                <a:gd name="connsiteX31" fmla="*/ 2640942 w 9144000"/>
                <a:gd name="connsiteY31" fmla="*/ 3558954 h 6083134"/>
                <a:gd name="connsiteX32" fmla="*/ 2977035 w 9144000"/>
                <a:gd name="connsiteY32" fmla="*/ 3787000 h 6083134"/>
                <a:gd name="connsiteX33" fmla="*/ 3491676 w 9144000"/>
                <a:gd name="connsiteY33" fmla="*/ 4018213 h 6083134"/>
                <a:gd name="connsiteX34" fmla="*/ 4104345 w 9144000"/>
                <a:gd name="connsiteY34" fmla="*/ 4230422 h 6083134"/>
                <a:gd name="connsiteX35" fmla="*/ 4769528 w 9144000"/>
                <a:gd name="connsiteY35" fmla="*/ 4414126 h 6083134"/>
                <a:gd name="connsiteX36" fmla="*/ 6183917 w 9144000"/>
                <a:gd name="connsiteY36" fmla="*/ 4727688 h 6083134"/>
                <a:gd name="connsiteX37" fmla="*/ 7661324 w 9144000"/>
                <a:gd name="connsiteY37" fmla="*/ 4977905 h 6083134"/>
                <a:gd name="connsiteX38" fmla="*/ 9144000 w 9144000"/>
                <a:gd name="connsiteY38" fmla="*/ 5180860 h 6083134"/>
                <a:gd name="connsiteX39" fmla="*/ 9144000 w 9144000"/>
                <a:gd name="connsiteY39" fmla="*/ 6083134 h 6083134"/>
                <a:gd name="connsiteX40" fmla="*/ 4375201 w 9144000"/>
                <a:gd name="connsiteY40" fmla="*/ 6083134 h 6083134"/>
                <a:gd name="connsiteX41" fmla="*/ 3764751 w 9144000"/>
                <a:gd name="connsiteY41" fmla="*/ 5874251 h 6083134"/>
                <a:gd name="connsiteX42" fmla="*/ 3001541 w 9144000"/>
                <a:gd name="connsiteY42" fmla="*/ 5582860 h 6083134"/>
                <a:gd name="connsiteX43" fmla="*/ 2252335 w 9144000"/>
                <a:gd name="connsiteY43" fmla="*/ 5234456 h 6083134"/>
                <a:gd name="connsiteX44" fmla="*/ 1524135 w 9144000"/>
                <a:gd name="connsiteY44" fmla="*/ 4797369 h 6083134"/>
                <a:gd name="connsiteX45" fmla="*/ 1181040 w 9144000"/>
                <a:gd name="connsiteY45" fmla="*/ 4521814 h 6083134"/>
                <a:gd name="connsiteX46" fmla="*/ 879957 w 9144000"/>
                <a:gd name="connsiteY46" fmla="*/ 4186080 h 6083134"/>
                <a:gd name="connsiteX47" fmla="*/ 673400 w 9144000"/>
                <a:gd name="connsiteY47" fmla="*/ 3774331 h 6083134"/>
                <a:gd name="connsiteX48" fmla="*/ 641892 w 9144000"/>
                <a:gd name="connsiteY48" fmla="*/ 3315072 h 6083134"/>
                <a:gd name="connsiteX49" fmla="*/ 645393 w 9144000"/>
                <a:gd name="connsiteY49" fmla="*/ 3286567 h 6083134"/>
                <a:gd name="connsiteX50" fmla="*/ 648456 w 9144000"/>
                <a:gd name="connsiteY50" fmla="*/ 3269938 h 6083134"/>
                <a:gd name="connsiteX51" fmla="*/ 652395 w 9144000"/>
                <a:gd name="connsiteY51" fmla="*/ 3254894 h 6083134"/>
                <a:gd name="connsiteX52" fmla="*/ 655458 w 9144000"/>
                <a:gd name="connsiteY52" fmla="*/ 3246579 h 6083134"/>
                <a:gd name="connsiteX53" fmla="*/ 655896 w 9144000"/>
                <a:gd name="connsiteY53" fmla="*/ 3238265 h 6083134"/>
                <a:gd name="connsiteX54" fmla="*/ 655896 w 9144000"/>
                <a:gd name="connsiteY54" fmla="*/ 3235890 h 6083134"/>
                <a:gd name="connsiteX55" fmla="*/ 658959 w 9144000"/>
                <a:gd name="connsiteY55" fmla="*/ 3230347 h 6083134"/>
                <a:gd name="connsiteX56" fmla="*/ 666398 w 9144000"/>
                <a:gd name="connsiteY56" fmla="*/ 3207384 h 6083134"/>
                <a:gd name="connsiteX57" fmla="*/ 694406 w 9144000"/>
                <a:gd name="connsiteY57" fmla="*/ 3115533 h 6083134"/>
                <a:gd name="connsiteX58" fmla="*/ 778429 w 9144000"/>
                <a:gd name="connsiteY58" fmla="*/ 2925494 h 6083134"/>
                <a:gd name="connsiteX59" fmla="*/ 1062007 w 9144000"/>
                <a:gd name="connsiteY59" fmla="*/ 2548585 h 6083134"/>
                <a:gd name="connsiteX60" fmla="*/ 1506630 w 9144000"/>
                <a:gd name="connsiteY60" fmla="*/ 2222354 h 6083134"/>
                <a:gd name="connsiteX61" fmla="*/ 2031774 w 9144000"/>
                <a:gd name="connsiteY61" fmla="*/ 2016479 h 6083134"/>
                <a:gd name="connsiteX62" fmla="*/ 2532412 w 9144000"/>
                <a:gd name="connsiteY62" fmla="*/ 1905623 h 6083134"/>
                <a:gd name="connsiteX63" fmla="*/ 2984036 w 9144000"/>
                <a:gd name="connsiteY63" fmla="*/ 1851779 h 6083134"/>
                <a:gd name="connsiteX64" fmla="*/ 3386647 w 9144000"/>
                <a:gd name="connsiteY64" fmla="*/ 1816939 h 6083134"/>
                <a:gd name="connsiteX65" fmla="*/ 3726241 w 9144000"/>
                <a:gd name="connsiteY65" fmla="*/ 1782099 h 6083134"/>
                <a:gd name="connsiteX66" fmla="*/ 3967807 w 9144000"/>
                <a:gd name="connsiteY66" fmla="*/ 1740924 h 6083134"/>
                <a:gd name="connsiteX67" fmla="*/ 4030824 w 9144000"/>
                <a:gd name="connsiteY67" fmla="*/ 1725087 h 6083134"/>
                <a:gd name="connsiteX68" fmla="*/ 4072836 w 9144000"/>
                <a:gd name="connsiteY68" fmla="*/ 1709251 h 6083134"/>
                <a:gd name="connsiteX69" fmla="*/ 4111347 w 9144000"/>
                <a:gd name="connsiteY69" fmla="*/ 1680745 h 6083134"/>
                <a:gd name="connsiteX70" fmla="*/ 4142855 w 9144000"/>
                <a:gd name="connsiteY70" fmla="*/ 1623734 h 6083134"/>
                <a:gd name="connsiteX71" fmla="*/ 4139354 w 9144000"/>
                <a:gd name="connsiteY71" fmla="*/ 1452700 h 6083134"/>
                <a:gd name="connsiteX72" fmla="*/ 4072836 w 9144000"/>
                <a:gd name="connsiteY72" fmla="*/ 1392521 h 6083134"/>
                <a:gd name="connsiteX73" fmla="*/ 3852275 w 9144000"/>
                <a:gd name="connsiteY73" fmla="*/ 1259494 h 6083134"/>
                <a:gd name="connsiteX74" fmla="*/ 3558194 w 9144000"/>
                <a:gd name="connsiteY74" fmla="*/ 1132802 h 6083134"/>
                <a:gd name="connsiteX75" fmla="*/ 3232605 w 9144000"/>
                <a:gd name="connsiteY75" fmla="*/ 1018779 h 6083134"/>
                <a:gd name="connsiteX76" fmla="*/ 2528911 w 9144000"/>
                <a:gd name="connsiteY76" fmla="*/ 825574 h 6083134"/>
                <a:gd name="connsiteX77" fmla="*/ 1030499 w 9144000"/>
                <a:gd name="connsiteY77" fmla="*/ 515179 h 6083134"/>
                <a:gd name="connsiteX78" fmla="*/ 0 w 9144000"/>
                <a:gd name="connsiteY78" fmla="*/ 348488 h 6083134"/>
                <a:gd name="connsiteX79" fmla="*/ 0 w 9144000"/>
                <a:gd name="connsiteY79"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63921 w 9144000"/>
                <a:gd name="connsiteY29" fmla="*/ 3470270 h 6083134"/>
                <a:gd name="connsiteX30" fmla="*/ 2640942 w 9144000"/>
                <a:gd name="connsiteY30" fmla="*/ 3558954 h 6083134"/>
                <a:gd name="connsiteX31" fmla="*/ 2977035 w 9144000"/>
                <a:gd name="connsiteY31" fmla="*/ 3787000 h 6083134"/>
                <a:gd name="connsiteX32" fmla="*/ 3491676 w 9144000"/>
                <a:gd name="connsiteY32" fmla="*/ 4018213 h 6083134"/>
                <a:gd name="connsiteX33" fmla="*/ 4104345 w 9144000"/>
                <a:gd name="connsiteY33" fmla="*/ 4230422 h 6083134"/>
                <a:gd name="connsiteX34" fmla="*/ 4769528 w 9144000"/>
                <a:gd name="connsiteY34" fmla="*/ 4414126 h 6083134"/>
                <a:gd name="connsiteX35" fmla="*/ 6183917 w 9144000"/>
                <a:gd name="connsiteY35" fmla="*/ 4727688 h 6083134"/>
                <a:gd name="connsiteX36" fmla="*/ 7661324 w 9144000"/>
                <a:gd name="connsiteY36" fmla="*/ 4977905 h 6083134"/>
                <a:gd name="connsiteX37" fmla="*/ 9144000 w 9144000"/>
                <a:gd name="connsiteY37" fmla="*/ 5180860 h 6083134"/>
                <a:gd name="connsiteX38" fmla="*/ 9144000 w 9144000"/>
                <a:gd name="connsiteY38" fmla="*/ 6083134 h 6083134"/>
                <a:gd name="connsiteX39" fmla="*/ 4375201 w 9144000"/>
                <a:gd name="connsiteY39" fmla="*/ 6083134 h 6083134"/>
                <a:gd name="connsiteX40" fmla="*/ 3764751 w 9144000"/>
                <a:gd name="connsiteY40" fmla="*/ 5874251 h 6083134"/>
                <a:gd name="connsiteX41" fmla="*/ 3001541 w 9144000"/>
                <a:gd name="connsiteY41" fmla="*/ 5582860 h 6083134"/>
                <a:gd name="connsiteX42" fmla="*/ 2252335 w 9144000"/>
                <a:gd name="connsiteY42" fmla="*/ 5234456 h 6083134"/>
                <a:gd name="connsiteX43" fmla="*/ 1524135 w 9144000"/>
                <a:gd name="connsiteY43" fmla="*/ 4797369 h 6083134"/>
                <a:gd name="connsiteX44" fmla="*/ 1181040 w 9144000"/>
                <a:gd name="connsiteY44" fmla="*/ 4521814 h 6083134"/>
                <a:gd name="connsiteX45" fmla="*/ 879957 w 9144000"/>
                <a:gd name="connsiteY45" fmla="*/ 4186080 h 6083134"/>
                <a:gd name="connsiteX46" fmla="*/ 673400 w 9144000"/>
                <a:gd name="connsiteY46" fmla="*/ 3774331 h 6083134"/>
                <a:gd name="connsiteX47" fmla="*/ 641892 w 9144000"/>
                <a:gd name="connsiteY47" fmla="*/ 3315072 h 6083134"/>
                <a:gd name="connsiteX48" fmla="*/ 645393 w 9144000"/>
                <a:gd name="connsiteY48" fmla="*/ 3286567 h 6083134"/>
                <a:gd name="connsiteX49" fmla="*/ 648456 w 9144000"/>
                <a:gd name="connsiteY49" fmla="*/ 3269938 h 6083134"/>
                <a:gd name="connsiteX50" fmla="*/ 652395 w 9144000"/>
                <a:gd name="connsiteY50" fmla="*/ 3254894 h 6083134"/>
                <a:gd name="connsiteX51" fmla="*/ 655458 w 9144000"/>
                <a:gd name="connsiteY51" fmla="*/ 3246579 h 6083134"/>
                <a:gd name="connsiteX52" fmla="*/ 655896 w 9144000"/>
                <a:gd name="connsiteY52" fmla="*/ 3238265 h 6083134"/>
                <a:gd name="connsiteX53" fmla="*/ 655896 w 9144000"/>
                <a:gd name="connsiteY53" fmla="*/ 3235890 h 6083134"/>
                <a:gd name="connsiteX54" fmla="*/ 658959 w 9144000"/>
                <a:gd name="connsiteY54" fmla="*/ 3230347 h 6083134"/>
                <a:gd name="connsiteX55" fmla="*/ 666398 w 9144000"/>
                <a:gd name="connsiteY55" fmla="*/ 3207384 h 6083134"/>
                <a:gd name="connsiteX56" fmla="*/ 694406 w 9144000"/>
                <a:gd name="connsiteY56" fmla="*/ 3115533 h 6083134"/>
                <a:gd name="connsiteX57" fmla="*/ 778429 w 9144000"/>
                <a:gd name="connsiteY57" fmla="*/ 2925494 h 6083134"/>
                <a:gd name="connsiteX58" fmla="*/ 1062007 w 9144000"/>
                <a:gd name="connsiteY58" fmla="*/ 2548585 h 6083134"/>
                <a:gd name="connsiteX59" fmla="*/ 1506630 w 9144000"/>
                <a:gd name="connsiteY59" fmla="*/ 2222354 h 6083134"/>
                <a:gd name="connsiteX60" fmla="*/ 2031774 w 9144000"/>
                <a:gd name="connsiteY60" fmla="*/ 2016479 h 6083134"/>
                <a:gd name="connsiteX61" fmla="*/ 2532412 w 9144000"/>
                <a:gd name="connsiteY61" fmla="*/ 1905623 h 6083134"/>
                <a:gd name="connsiteX62" fmla="*/ 2984036 w 9144000"/>
                <a:gd name="connsiteY62" fmla="*/ 1851779 h 6083134"/>
                <a:gd name="connsiteX63" fmla="*/ 3386647 w 9144000"/>
                <a:gd name="connsiteY63" fmla="*/ 1816939 h 6083134"/>
                <a:gd name="connsiteX64" fmla="*/ 3726241 w 9144000"/>
                <a:gd name="connsiteY64" fmla="*/ 1782099 h 6083134"/>
                <a:gd name="connsiteX65" fmla="*/ 3967807 w 9144000"/>
                <a:gd name="connsiteY65" fmla="*/ 1740924 h 6083134"/>
                <a:gd name="connsiteX66" fmla="*/ 4030824 w 9144000"/>
                <a:gd name="connsiteY66" fmla="*/ 1725087 h 6083134"/>
                <a:gd name="connsiteX67" fmla="*/ 4072836 w 9144000"/>
                <a:gd name="connsiteY67" fmla="*/ 1709251 h 6083134"/>
                <a:gd name="connsiteX68" fmla="*/ 4111347 w 9144000"/>
                <a:gd name="connsiteY68" fmla="*/ 1680745 h 6083134"/>
                <a:gd name="connsiteX69" fmla="*/ 4142855 w 9144000"/>
                <a:gd name="connsiteY69" fmla="*/ 1623734 h 6083134"/>
                <a:gd name="connsiteX70" fmla="*/ 4139354 w 9144000"/>
                <a:gd name="connsiteY70" fmla="*/ 1452700 h 6083134"/>
                <a:gd name="connsiteX71" fmla="*/ 4072836 w 9144000"/>
                <a:gd name="connsiteY71" fmla="*/ 1392521 h 6083134"/>
                <a:gd name="connsiteX72" fmla="*/ 3852275 w 9144000"/>
                <a:gd name="connsiteY72" fmla="*/ 1259494 h 6083134"/>
                <a:gd name="connsiteX73" fmla="*/ 3558194 w 9144000"/>
                <a:gd name="connsiteY73" fmla="*/ 1132802 h 6083134"/>
                <a:gd name="connsiteX74" fmla="*/ 3232605 w 9144000"/>
                <a:gd name="connsiteY74" fmla="*/ 1018779 h 6083134"/>
                <a:gd name="connsiteX75" fmla="*/ 2528911 w 9144000"/>
                <a:gd name="connsiteY75" fmla="*/ 825574 h 6083134"/>
                <a:gd name="connsiteX76" fmla="*/ 1030499 w 9144000"/>
                <a:gd name="connsiteY76" fmla="*/ 515179 h 6083134"/>
                <a:gd name="connsiteX77" fmla="*/ 0 w 9144000"/>
                <a:gd name="connsiteY77" fmla="*/ 348488 h 6083134"/>
                <a:gd name="connsiteX78" fmla="*/ 0 w 9144000"/>
                <a:gd name="connsiteY78"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63921 w 9144000"/>
                <a:gd name="connsiteY29" fmla="*/ 3470270 h 6083134"/>
                <a:gd name="connsiteX30" fmla="*/ 2640942 w 9144000"/>
                <a:gd name="connsiteY30" fmla="*/ 3558954 h 6083134"/>
                <a:gd name="connsiteX31" fmla="*/ 2977035 w 9144000"/>
                <a:gd name="connsiteY31" fmla="*/ 3787000 h 6083134"/>
                <a:gd name="connsiteX32" fmla="*/ 3491676 w 9144000"/>
                <a:gd name="connsiteY32" fmla="*/ 4018213 h 6083134"/>
                <a:gd name="connsiteX33" fmla="*/ 4104345 w 9144000"/>
                <a:gd name="connsiteY33" fmla="*/ 4230422 h 6083134"/>
                <a:gd name="connsiteX34" fmla="*/ 4769528 w 9144000"/>
                <a:gd name="connsiteY34" fmla="*/ 4414126 h 6083134"/>
                <a:gd name="connsiteX35" fmla="*/ 6183917 w 9144000"/>
                <a:gd name="connsiteY35" fmla="*/ 4727688 h 6083134"/>
                <a:gd name="connsiteX36" fmla="*/ 7661324 w 9144000"/>
                <a:gd name="connsiteY36" fmla="*/ 4977905 h 6083134"/>
                <a:gd name="connsiteX37" fmla="*/ 9144000 w 9144000"/>
                <a:gd name="connsiteY37" fmla="*/ 5180860 h 6083134"/>
                <a:gd name="connsiteX38" fmla="*/ 9144000 w 9144000"/>
                <a:gd name="connsiteY38" fmla="*/ 6083134 h 6083134"/>
                <a:gd name="connsiteX39" fmla="*/ 4375201 w 9144000"/>
                <a:gd name="connsiteY39" fmla="*/ 6083134 h 6083134"/>
                <a:gd name="connsiteX40" fmla="*/ 3764751 w 9144000"/>
                <a:gd name="connsiteY40" fmla="*/ 5874251 h 6083134"/>
                <a:gd name="connsiteX41" fmla="*/ 3001541 w 9144000"/>
                <a:gd name="connsiteY41" fmla="*/ 5582860 h 6083134"/>
                <a:gd name="connsiteX42" fmla="*/ 2252335 w 9144000"/>
                <a:gd name="connsiteY42" fmla="*/ 5234456 h 6083134"/>
                <a:gd name="connsiteX43" fmla="*/ 1524135 w 9144000"/>
                <a:gd name="connsiteY43" fmla="*/ 4797369 h 6083134"/>
                <a:gd name="connsiteX44" fmla="*/ 1181040 w 9144000"/>
                <a:gd name="connsiteY44" fmla="*/ 4521814 h 6083134"/>
                <a:gd name="connsiteX45" fmla="*/ 879957 w 9144000"/>
                <a:gd name="connsiteY45" fmla="*/ 4186080 h 6083134"/>
                <a:gd name="connsiteX46" fmla="*/ 673400 w 9144000"/>
                <a:gd name="connsiteY46" fmla="*/ 3774331 h 6083134"/>
                <a:gd name="connsiteX47" fmla="*/ 641892 w 9144000"/>
                <a:gd name="connsiteY47" fmla="*/ 3315072 h 6083134"/>
                <a:gd name="connsiteX48" fmla="*/ 645393 w 9144000"/>
                <a:gd name="connsiteY48" fmla="*/ 3286567 h 6083134"/>
                <a:gd name="connsiteX49" fmla="*/ 648456 w 9144000"/>
                <a:gd name="connsiteY49" fmla="*/ 3269938 h 6083134"/>
                <a:gd name="connsiteX50" fmla="*/ 652395 w 9144000"/>
                <a:gd name="connsiteY50" fmla="*/ 3254894 h 6083134"/>
                <a:gd name="connsiteX51" fmla="*/ 655458 w 9144000"/>
                <a:gd name="connsiteY51" fmla="*/ 3246579 h 6083134"/>
                <a:gd name="connsiteX52" fmla="*/ 655896 w 9144000"/>
                <a:gd name="connsiteY52" fmla="*/ 3238265 h 6083134"/>
                <a:gd name="connsiteX53" fmla="*/ 655896 w 9144000"/>
                <a:gd name="connsiteY53" fmla="*/ 3235890 h 6083134"/>
                <a:gd name="connsiteX54" fmla="*/ 658959 w 9144000"/>
                <a:gd name="connsiteY54" fmla="*/ 3230347 h 6083134"/>
                <a:gd name="connsiteX55" fmla="*/ 666398 w 9144000"/>
                <a:gd name="connsiteY55" fmla="*/ 3207384 h 6083134"/>
                <a:gd name="connsiteX56" fmla="*/ 694406 w 9144000"/>
                <a:gd name="connsiteY56" fmla="*/ 3115533 h 6083134"/>
                <a:gd name="connsiteX57" fmla="*/ 778429 w 9144000"/>
                <a:gd name="connsiteY57" fmla="*/ 2925494 h 6083134"/>
                <a:gd name="connsiteX58" fmla="*/ 1062007 w 9144000"/>
                <a:gd name="connsiteY58" fmla="*/ 2548585 h 6083134"/>
                <a:gd name="connsiteX59" fmla="*/ 1506630 w 9144000"/>
                <a:gd name="connsiteY59" fmla="*/ 2222354 h 6083134"/>
                <a:gd name="connsiteX60" fmla="*/ 2031774 w 9144000"/>
                <a:gd name="connsiteY60" fmla="*/ 2016479 h 6083134"/>
                <a:gd name="connsiteX61" fmla="*/ 2532412 w 9144000"/>
                <a:gd name="connsiteY61" fmla="*/ 1905623 h 6083134"/>
                <a:gd name="connsiteX62" fmla="*/ 2984036 w 9144000"/>
                <a:gd name="connsiteY62" fmla="*/ 1851779 h 6083134"/>
                <a:gd name="connsiteX63" fmla="*/ 3386647 w 9144000"/>
                <a:gd name="connsiteY63" fmla="*/ 1816939 h 6083134"/>
                <a:gd name="connsiteX64" fmla="*/ 3726241 w 9144000"/>
                <a:gd name="connsiteY64" fmla="*/ 1782099 h 6083134"/>
                <a:gd name="connsiteX65" fmla="*/ 3967807 w 9144000"/>
                <a:gd name="connsiteY65" fmla="*/ 1740924 h 6083134"/>
                <a:gd name="connsiteX66" fmla="*/ 4030824 w 9144000"/>
                <a:gd name="connsiteY66" fmla="*/ 1725087 h 6083134"/>
                <a:gd name="connsiteX67" fmla="*/ 4072836 w 9144000"/>
                <a:gd name="connsiteY67" fmla="*/ 1709251 h 6083134"/>
                <a:gd name="connsiteX68" fmla="*/ 4111347 w 9144000"/>
                <a:gd name="connsiteY68" fmla="*/ 1680745 h 6083134"/>
                <a:gd name="connsiteX69" fmla="*/ 4142855 w 9144000"/>
                <a:gd name="connsiteY69" fmla="*/ 1623734 h 6083134"/>
                <a:gd name="connsiteX70" fmla="*/ 4139354 w 9144000"/>
                <a:gd name="connsiteY70" fmla="*/ 1452700 h 6083134"/>
                <a:gd name="connsiteX71" fmla="*/ 4072836 w 9144000"/>
                <a:gd name="connsiteY71" fmla="*/ 1392521 h 6083134"/>
                <a:gd name="connsiteX72" fmla="*/ 3852275 w 9144000"/>
                <a:gd name="connsiteY72" fmla="*/ 1259494 h 6083134"/>
                <a:gd name="connsiteX73" fmla="*/ 3558194 w 9144000"/>
                <a:gd name="connsiteY73" fmla="*/ 1132802 h 6083134"/>
                <a:gd name="connsiteX74" fmla="*/ 3232605 w 9144000"/>
                <a:gd name="connsiteY74" fmla="*/ 1018779 h 6083134"/>
                <a:gd name="connsiteX75" fmla="*/ 2528911 w 9144000"/>
                <a:gd name="connsiteY75" fmla="*/ 825574 h 6083134"/>
                <a:gd name="connsiteX76" fmla="*/ 1030499 w 9144000"/>
                <a:gd name="connsiteY76" fmla="*/ 515179 h 6083134"/>
                <a:gd name="connsiteX77" fmla="*/ 0 w 9144000"/>
                <a:gd name="connsiteY77" fmla="*/ 348488 h 6083134"/>
                <a:gd name="connsiteX78" fmla="*/ 0 w 9144000"/>
                <a:gd name="connsiteY78" fmla="*/ 0 h 6083134"/>
                <a:gd name="connsiteX0" fmla="*/ 0 w 9144000"/>
                <a:gd name="connsiteY0" fmla="*/ 0 h 6083134"/>
                <a:gd name="connsiteX1" fmla="*/ 1160034 w 9144000"/>
                <a:gd name="connsiteY1" fmla="*/ 109764 h 6083134"/>
                <a:gd name="connsiteX2" fmla="*/ 2756474 w 9144000"/>
                <a:gd name="connsiteY2" fmla="*/ 328308 h 6083134"/>
                <a:gd name="connsiteX3" fmla="*/ 3554693 w 9144000"/>
                <a:gd name="connsiteY3" fmla="*/ 489840 h 6083134"/>
                <a:gd name="connsiteX4" fmla="*/ 3957304 w 9144000"/>
                <a:gd name="connsiteY4" fmla="*/ 597528 h 6083134"/>
                <a:gd name="connsiteX5" fmla="*/ 4359915 w 9144000"/>
                <a:gd name="connsiteY5" fmla="*/ 733722 h 6083134"/>
                <a:gd name="connsiteX6" fmla="*/ 4762526 w 9144000"/>
                <a:gd name="connsiteY6" fmla="*/ 933262 h 6083134"/>
                <a:gd name="connsiteX7" fmla="*/ 4951578 w 9144000"/>
                <a:gd name="connsiteY7" fmla="*/ 1075791 h 6083134"/>
                <a:gd name="connsiteX8" fmla="*/ 5112622 w 9144000"/>
                <a:gd name="connsiteY8" fmla="*/ 1268996 h 6083134"/>
                <a:gd name="connsiteX9" fmla="*/ 5165137 w 9144000"/>
                <a:gd name="connsiteY9" fmla="*/ 1383019 h 6083134"/>
                <a:gd name="connsiteX10" fmla="*/ 5182642 w 9144000"/>
                <a:gd name="connsiteY10" fmla="*/ 1446365 h 6083134"/>
                <a:gd name="connsiteX11" fmla="*/ 5182642 w 9144000"/>
                <a:gd name="connsiteY11" fmla="*/ 1452700 h 6083134"/>
                <a:gd name="connsiteX12" fmla="*/ 5185705 w 9144000"/>
                <a:gd name="connsiteY12" fmla="*/ 1464181 h 6083134"/>
                <a:gd name="connsiteX13" fmla="*/ 5189643 w 9144000"/>
                <a:gd name="connsiteY13" fmla="*/ 1490707 h 6083134"/>
                <a:gd name="connsiteX14" fmla="*/ 5210649 w 9144000"/>
                <a:gd name="connsiteY14" fmla="*/ 1671243 h 6083134"/>
                <a:gd name="connsiteX15" fmla="*/ 5179141 w 9144000"/>
                <a:gd name="connsiteY15" fmla="*/ 1877118 h 6083134"/>
                <a:gd name="connsiteX16" fmla="*/ 5063609 w 9144000"/>
                <a:gd name="connsiteY16" fmla="*/ 2095662 h 6083134"/>
                <a:gd name="connsiteX17" fmla="*/ 4860553 w 9144000"/>
                <a:gd name="connsiteY17" fmla="*/ 2292034 h 6083134"/>
                <a:gd name="connsiteX18" fmla="*/ 4608483 w 9144000"/>
                <a:gd name="connsiteY18" fmla="*/ 2437730 h 6083134"/>
                <a:gd name="connsiteX19" fmla="*/ 4356414 w 9144000"/>
                <a:gd name="connsiteY19" fmla="*/ 2539084 h 6083134"/>
                <a:gd name="connsiteX20" fmla="*/ 4118349 w 9144000"/>
                <a:gd name="connsiteY20" fmla="*/ 2611932 h 6083134"/>
                <a:gd name="connsiteX21" fmla="*/ 3687730 w 9144000"/>
                <a:gd name="connsiteY21" fmla="*/ 2713285 h 6083134"/>
                <a:gd name="connsiteX22" fmla="*/ 3313127 w 9144000"/>
                <a:gd name="connsiteY22" fmla="*/ 2795635 h 6083134"/>
                <a:gd name="connsiteX23" fmla="*/ 2994539 w 9144000"/>
                <a:gd name="connsiteY23" fmla="*/ 2877985 h 6083134"/>
                <a:gd name="connsiteX24" fmla="*/ 2756474 w 9144000"/>
                <a:gd name="connsiteY24" fmla="*/ 2969836 h 6083134"/>
                <a:gd name="connsiteX25" fmla="*/ 2619936 w 9144000"/>
                <a:gd name="connsiteY25" fmla="*/ 3061688 h 6083134"/>
                <a:gd name="connsiteX26" fmla="*/ 2560420 w 9144000"/>
                <a:gd name="connsiteY26" fmla="*/ 3147205 h 6083134"/>
                <a:gd name="connsiteX27" fmla="*/ 2528911 w 9144000"/>
                <a:gd name="connsiteY27" fmla="*/ 3261228 h 6083134"/>
                <a:gd name="connsiteX28" fmla="*/ 2525410 w 9144000"/>
                <a:gd name="connsiteY28" fmla="*/ 3330909 h 6083134"/>
                <a:gd name="connsiteX29" fmla="*/ 2563921 w 9144000"/>
                <a:gd name="connsiteY29" fmla="*/ 3470270 h 6083134"/>
                <a:gd name="connsiteX30" fmla="*/ 2640942 w 9144000"/>
                <a:gd name="connsiteY30" fmla="*/ 3558954 h 6083134"/>
                <a:gd name="connsiteX31" fmla="*/ 2977035 w 9144000"/>
                <a:gd name="connsiteY31" fmla="*/ 3787000 h 6083134"/>
                <a:gd name="connsiteX32" fmla="*/ 3491676 w 9144000"/>
                <a:gd name="connsiteY32" fmla="*/ 4018213 h 6083134"/>
                <a:gd name="connsiteX33" fmla="*/ 4104345 w 9144000"/>
                <a:gd name="connsiteY33" fmla="*/ 4230422 h 6083134"/>
                <a:gd name="connsiteX34" fmla="*/ 4769528 w 9144000"/>
                <a:gd name="connsiteY34" fmla="*/ 4414126 h 6083134"/>
                <a:gd name="connsiteX35" fmla="*/ 6183917 w 9144000"/>
                <a:gd name="connsiteY35" fmla="*/ 4727688 h 6083134"/>
                <a:gd name="connsiteX36" fmla="*/ 7661324 w 9144000"/>
                <a:gd name="connsiteY36" fmla="*/ 4977905 h 6083134"/>
                <a:gd name="connsiteX37" fmla="*/ 9144000 w 9144000"/>
                <a:gd name="connsiteY37" fmla="*/ 5180860 h 6083134"/>
                <a:gd name="connsiteX38" fmla="*/ 9144000 w 9144000"/>
                <a:gd name="connsiteY38" fmla="*/ 6083134 h 6083134"/>
                <a:gd name="connsiteX39" fmla="*/ 4375201 w 9144000"/>
                <a:gd name="connsiteY39" fmla="*/ 6083134 h 6083134"/>
                <a:gd name="connsiteX40" fmla="*/ 3764751 w 9144000"/>
                <a:gd name="connsiteY40" fmla="*/ 5874251 h 6083134"/>
                <a:gd name="connsiteX41" fmla="*/ 3001541 w 9144000"/>
                <a:gd name="connsiteY41" fmla="*/ 5582860 h 6083134"/>
                <a:gd name="connsiteX42" fmla="*/ 2252335 w 9144000"/>
                <a:gd name="connsiteY42" fmla="*/ 5234456 h 6083134"/>
                <a:gd name="connsiteX43" fmla="*/ 1524135 w 9144000"/>
                <a:gd name="connsiteY43" fmla="*/ 4797369 h 6083134"/>
                <a:gd name="connsiteX44" fmla="*/ 1181040 w 9144000"/>
                <a:gd name="connsiteY44" fmla="*/ 4521814 h 6083134"/>
                <a:gd name="connsiteX45" fmla="*/ 879957 w 9144000"/>
                <a:gd name="connsiteY45" fmla="*/ 4186080 h 6083134"/>
                <a:gd name="connsiteX46" fmla="*/ 673400 w 9144000"/>
                <a:gd name="connsiteY46" fmla="*/ 3774331 h 6083134"/>
                <a:gd name="connsiteX47" fmla="*/ 641892 w 9144000"/>
                <a:gd name="connsiteY47" fmla="*/ 3315072 h 6083134"/>
                <a:gd name="connsiteX48" fmla="*/ 645393 w 9144000"/>
                <a:gd name="connsiteY48" fmla="*/ 3286567 h 6083134"/>
                <a:gd name="connsiteX49" fmla="*/ 648456 w 9144000"/>
                <a:gd name="connsiteY49" fmla="*/ 3269938 h 6083134"/>
                <a:gd name="connsiteX50" fmla="*/ 652395 w 9144000"/>
                <a:gd name="connsiteY50" fmla="*/ 3254894 h 6083134"/>
                <a:gd name="connsiteX51" fmla="*/ 655458 w 9144000"/>
                <a:gd name="connsiteY51" fmla="*/ 3246579 h 6083134"/>
                <a:gd name="connsiteX52" fmla="*/ 655896 w 9144000"/>
                <a:gd name="connsiteY52" fmla="*/ 3238265 h 6083134"/>
                <a:gd name="connsiteX53" fmla="*/ 655896 w 9144000"/>
                <a:gd name="connsiteY53" fmla="*/ 3235890 h 6083134"/>
                <a:gd name="connsiteX54" fmla="*/ 658959 w 9144000"/>
                <a:gd name="connsiteY54" fmla="*/ 3230347 h 6083134"/>
                <a:gd name="connsiteX55" fmla="*/ 666398 w 9144000"/>
                <a:gd name="connsiteY55" fmla="*/ 3207384 h 6083134"/>
                <a:gd name="connsiteX56" fmla="*/ 694406 w 9144000"/>
                <a:gd name="connsiteY56" fmla="*/ 3115533 h 6083134"/>
                <a:gd name="connsiteX57" fmla="*/ 778429 w 9144000"/>
                <a:gd name="connsiteY57" fmla="*/ 2925494 h 6083134"/>
                <a:gd name="connsiteX58" fmla="*/ 1062007 w 9144000"/>
                <a:gd name="connsiteY58" fmla="*/ 2548585 h 6083134"/>
                <a:gd name="connsiteX59" fmla="*/ 1506630 w 9144000"/>
                <a:gd name="connsiteY59" fmla="*/ 2222354 h 6083134"/>
                <a:gd name="connsiteX60" fmla="*/ 2031774 w 9144000"/>
                <a:gd name="connsiteY60" fmla="*/ 2016479 h 6083134"/>
                <a:gd name="connsiteX61" fmla="*/ 2532412 w 9144000"/>
                <a:gd name="connsiteY61" fmla="*/ 1905623 h 6083134"/>
                <a:gd name="connsiteX62" fmla="*/ 2984036 w 9144000"/>
                <a:gd name="connsiteY62" fmla="*/ 1851779 h 6083134"/>
                <a:gd name="connsiteX63" fmla="*/ 3386647 w 9144000"/>
                <a:gd name="connsiteY63" fmla="*/ 1816939 h 6083134"/>
                <a:gd name="connsiteX64" fmla="*/ 3726241 w 9144000"/>
                <a:gd name="connsiteY64" fmla="*/ 1782099 h 6083134"/>
                <a:gd name="connsiteX65" fmla="*/ 3967807 w 9144000"/>
                <a:gd name="connsiteY65" fmla="*/ 1740924 h 6083134"/>
                <a:gd name="connsiteX66" fmla="*/ 4030824 w 9144000"/>
                <a:gd name="connsiteY66" fmla="*/ 1725087 h 6083134"/>
                <a:gd name="connsiteX67" fmla="*/ 4072836 w 9144000"/>
                <a:gd name="connsiteY67" fmla="*/ 1709251 h 6083134"/>
                <a:gd name="connsiteX68" fmla="*/ 4111347 w 9144000"/>
                <a:gd name="connsiteY68" fmla="*/ 1680745 h 6083134"/>
                <a:gd name="connsiteX69" fmla="*/ 4142855 w 9144000"/>
                <a:gd name="connsiteY69" fmla="*/ 1623734 h 6083134"/>
                <a:gd name="connsiteX70" fmla="*/ 4139354 w 9144000"/>
                <a:gd name="connsiteY70" fmla="*/ 1452700 h 6083134"/>
                <a:gd name="connsiteX71" fmla="*/ 4072836 w 9144000"/>
                <a:gd name="connsiteY71" fmla="*/ 1392521 h 6083134"/>
                <a:gd name="connsiteX72" fmla="*/ 3852275 w 9144000"/>
                <a:gd name="connsiteY72" fmla="*/ 1259494 h 6083134"/>
                <a:gd name="connsiteX73" fmla="*/ 3558194 w 9144000"/>
                <a:gd name="connsiteY73" fmla="*/ 1132802 h 6083134"/>
                <a:gd name="connsiteX74" fmla="*/ 3232605 w 9144000"/>
                <a:gd name="connsiteY74" fmla="*/ 1018779 h 6083134"/>
                <a:gd name="connsiteX75" fmla="*/ 2528911 w 9144000"/>
                <a:gd name="connsiteY75" fmla="*/ 825574 h 6083134"/>
                <a:gd name="connsiteX76" fmla="*/ 1030499 w 9144000"/>
                <a:gd name="connsiteY76" fmla="*/ 515179 h 6083134"/>
                <a:gd name="connsiteX77" fmla="*/ 0 w 9144000"/>
                <a:gd name="connsiteY77" fmla="*/ 348488 h 6083134"/>
                <a:gd name="connsiteX78" fmla="*/ 0 w 9144000"/>
                <a:gd name="connsiteY78" fmla="*/ 0 h 60831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Lst>
              <a:rect l="l" t="t" r="r" b="b"/>
              <a:pathLst>
                <a:path w="9144000" h="6083134">
                  <a:moveTo>
                    <a:pt x="0" y="0"/>
                  </a:moveTo>
                  <a:cubicBezTo>
                    <a:pt x="386744" y="30675"/>
                    <a:pt x="773389" y="66040"/>
                    <a:pt x="1160034" y="109764"/>
                  </a:cubicBezTo>
                  <a:cubicBezTo>
                    <a:pt x="1692181" y="166775"/>
                    <a:pt x="2224327" y="236456"/>
                    <a:pt x="2756474" y="328308"/>
                  </a:cubicBezTo>
                  <a:cubicBezTo>
                    <a:pt x="3022547" y="372650"/>
                    <a:pt x="3288620" y="426494"/>
                    <a:pt x="3554693" y="489840"/>
                  </a:cubicBezTo>
                  <a:cubicBezTo>
                    <a:pt x="3691231" y="521513"/>
                    <a:pt x="3824268" y="556353"/>
                    <a:pt x="3957304" y="597528"/>
                  </a:cubicBezTo>
                  <a:cubicBezTo>
                    <a:pt x="4090341" y="635536"/>
                    <a:pt x="4226878" y="679878"/>
                    <a:pt x="4359915" y="733722"/>
                  </a:cubicBezTo>
                  <a:cubicBezTo>
                    <a:pt x="4492952" y="787566"/>
                    <a:pt x="4629489" y="850912"/>
                    <a:pt x="4762526" y="933262"/>
                  </a:cubicBezTo>
                  <a:cubicBezTo>
                    <a:pt x="4825543" y="974437"/>
                    <a:pt x="4892062" y="1021947"/>
                    <a:pt x="4951578" y="1075791"/>
                  </a:cubicBezTo>
                  <a:cubicBezTo>
                    <a:pt x="5014595" y="1129635"/>
                    <a:pt x="5070611" y="1196148"/>
                    <a:pt x="5112622" y="1268996"/>
                  </a:cubicBezTo>
                  <a:cubicBezTo>
                    <a:pt x="5133628" y="1303836"/>
                    <a:pt x="5151133" y="1345011"/>
                    <a:pt x="5165137" y="1383019"/>
                  </a:cubicBezTo>
                  <a:cubicBezTo>
                    <a:pt x="5172139" y="1405190"/>
                    <a:pt x="5175640" y="1424194"/>
                    <a:pt x="5182642" y="1446365"/>
                  </a:cubicBezTo>
                  <a:lnTo>
                    <a:pt x="5182642" y="1452700"/>
                  </a:lnTo>
                  <a:lnTo>
                    <a:pt x="5185705" y="1464181"/>
                  </a:lnTo>
                  <a:lnTo>
                    <a:pt x="5189643" y="1490707"/>
                  </a:lnTo>
                  <a:cubicBezTo>
                    <a:pt x="5203647" y="1547719"/>
                    <a:pt x="5210649" y="1607897"/>
                    <a:pt x="5210649" y="1671243"/>
                  </a:cubicBezTo>
                  <a:cubicBezTo>
                    <a:pt x="5210649" y="1737757"/>
                    <a:pt x="5200146" y="1807437"/>
                    <a:pt x="5179141" y="1877118"/>
                  </a:cubicBezTo>
                  <a:cubicBezTo>
                    <a:pt x="5154634" y="1949966"/>
                    <a:pt x="5119624" y="2025981"/>
                    <a:pt x="5063609" y="2095662"/>
                  </a:cubicBezTo>
                  <a:cubicBezTo>
                    <a:pt x="5011094" y="2168509"/>
                    <a:pt x="4937574" y="2235023"/>
                    <a:pt x="4860553" y="2292034"/>
                  </a:cubicBezTo>
                  <a:cubicBezTo>
                    <a:pt x="4780031" y="2349046"/>
                    <a:pt x="4696008" y="2396555"/>
                    <a:pt x="4608483" y="2437730"/>
                  </a:cubicBezTo>
                  <a:cubicBezTo>
                    <a:pt x="4524460" y="2478905"/>
                    <a:pt x="4440437" y="2510578"/>
                    <a:pt x="4356414" y="2539084"/>
                  </a:cubicBezTo>
                  <a:cubicBezTo>
                    <a:pt x="4275892" y="2567589"/>
                    <a:pt x="4195370" y="2589760"/>
                    <a:pt x="4118349" y="2611932"/>
                  </a:cubicBezTo>
                  <a:cubicBezTo>
                    <a:pt x="3967807" y="2653106"/>
                    <a:pt x="3824268" y="2684779"/>
                    <a:pt x="3687730" y="2713285"/>
                  </a:cubicBezTo>
                  <a:cubicBezTo>
                    <a:pt x="3554693" y="2741791"/>
                    <a:pt x="3428659" y="2767129"/>
                    <a:pt x="3313127" y="2795635"/>
                  </a:cubicBezTo>
                  <a:cubicBezTo>
                    <a:pt x="3194094" y="2820973"/>
                    <a:pt x="3089065" y="2849479"/>
                    <a:pt x="2994539" y="2877985"/>
                  </a:cubicBezTo>
                  <a:cubicBezTo>
                    <a:pt x="2900013" y="2906490"/>
                    <a:pt x="2819491" y="2938163"/>
                    <a:pt x="2756474" y="2969836"/>
                  </a:cubicBezTo>
                  <a:cubicBezTo>
                    <a:pt x="2693456" y="3001509"/>
                    <a:pt x="2647944" y="3030015"/>
                    <a:pt x="2619936" y="3061688"/>
                  </a:cubicBezTo>
                  <a:cubicBezTo>
                    <a:pt x="2588428" y="3090194"/>
                    <a:pt x="2574424" y="3115532"/>
                    <a:pt x="2560420" y="3147205"/>
                  </a:cubicBezTo>
                  <a:cubicBezTo>
                    <a:pt x="2546416" y="3178878"/>
                    <a:pt x="2535913" y="3216886"/>
                    <a:pt x="2528911" y="3261228"/>
                  </a:cubicBezTo>
                  <a:cubicBezTo>
                    <a:pt x="2528911" y="3283399"/>
                    <a:pt x="2525908" y="3295885"/>
                    <a:pt x="2525410" y="3330909"/>
                  </a:cubicBezTo>
                  <a:cubicBezTo>
                    <a:pt x="2524912" y="3365933"/>
                    <a:pt x="2537749" y="3435246"/>
                    <a:pt x="2563921" y="3470270"/>
                  </a:cubicBezTo>
                  <a:cubicBezTo>
                    <a:pt x="2590093" y="3505294"/>
                    <a:pt x="2605932" y="3524114"/>
                    <a:pt x="2640942" y="3558954"/>
                  </a:cubicBezTo>
                  <a:cubicBezTo>
                    <a:pt x="2710961" y="3625468"/>
                    <a:pt x="2829994" y="3707817"/>
                    <a:pt x="2977035" y="3787000"/>
                  </a:cubicBezTo>
                  <a:cubicBezTo>
                    <a:pt x="3124075" y="3866183"/>
                    <a:pt x="3302624" y="3945365"/>
                    <a:pt x="3491676" y="4018213"/>
                  </a:cubicBezTo>
                  <a:cubicBezTo>
                    <a:pt x="3684229" y="4094228"/>
                    <a:pt x="3890786" y="4163909"/>
                    <a:pt x="4104345" y="4230422"/>
                  </a:cubicBezTo>
                  <a:cubicBezTo>
                    <a:pt x="4317903" y="4293768"/>
                    <a:pt x="4541965" y="4357114"/>
                    <a:pt x="4769528" y="4414126"/>
                  </a:cubicBezTo>
                  <a:cubicBezTo>
                    <a:pt x="5224653" y="4531316"/>
                    <a:pt x="5700784" y="4635837"/>
                    <a:pt x="6183917" y="4727688"/>
                  </a:cubicBezTo>
                  <a:cubicBezTo>
                    <a:pt x="6670551" y="4819540"/>
                    <a:pt x="7164187" y="4905057"/>
                    <a:pt x="7661324" y="4977905"/>
                  </a:cubicBezTo>
                  <a:cubicBezTo>
                    <a:pt x="8150979" y="5052776"/>
                    <a:pt x="8647427" y="5121502"/>
                    <a:pt x="9144000" y="5180860"/>
                  </a:cubicBezTo>
                  <a:lnTo>
                    <a:pt x="9144000" y="6083134"/>
                  </a:lnTo>
                  <a:lnTo>
                    <a:pt x="4375201" y="6083134"/>
                  </a:lnTo>
                  <a:cubicBezTo>
                    <a:pt x="4170572" y="6017183"/>
                    <a:pt x="3967105" y="5947479"/>
                    <a:pt x="3764751" y="5874251"/>
                  </a:cubicBezTo>
                  <a:cubicBezTo>
                    <a:pt x="3509181" y="5785567"/>
                    <a:pt x="3253610" y="5687380"/>
                    <a:pt x="3001541" y="5582860"/>
                  </a:cubicBezTo>
                  <a:cubicBezTo>
                    <a:pt x="2749472" y="5475171"/>
                    <a:pt x="2500903" y="5361149"/>
                    <a:pt x="2252335" y="5234456"/>
                  </a:cubicBezTo>
                  <a:cubicBezTo>
                    <a:pt x="2003767" y="5107764"/>
                    <a:pt x="1758699" y="4965236"/>
                    <a:pt x="1524135" y="4797369"/>
                  </a:cubicBezTo>
                  <a:cubicBezTo>
                    <a:pt x="1405102" y="4715019"/>
                    <a:pt x="1289570" y="4623167"/>
                    <a:pt x="1181040" y="4521814"/>
                  </a:cubicBezTo>
                  <a:cubicBezTo>
                    <a:pt x="1072510" y="4420460"/>
                    <a:pt x="970982" y="4309605"/>
                    <a:pt x="879957" y="4186080"/>
                  </a:cubicBezTo>
                  <a:cubicBezTo>
                    <a:pt x="792433" y="4059388"/>
                    <a:pt x="718913" y="3923194"/>
                    <a:pt x="673400" y="3774331"/>
                  </a:cubicBezTo>
                  <a:cubicBezTo>
                    <a:pt x="627888" y="3625468"/>
                    <a:pt x="617385" y="3467103"/>
                    <a:pt x="641892" y="3315072"/>
                  </a:cubicBezTo>
                  <a:lnTo>
                    <a:pt x="645393" y="3286567"/>
                  </a:lnTo>
                  <a:lnTo>
                    <a:pt x="648456" y="3269938"/>
                  </a:lnTo>
                  <a:cubicBezTo>
                    <a:pt x="652395" y="3264395"/>
                    <a:pt x="652395" y="3254894"/>
                    <a:pt x="652395" y="3254894"/>
                  </a:cubicBezTo>
                  <a:lnTo>
                    <a:pt x="655458" y="3246579"/>
                  </a:lnTo>
                  <a:lnTo>
                    <a:pt x="655896" y="3238265"/>
                  </a:lnTo>
                  <a:lnTo>
                    <a:pt x="655896" y="3235890"/>
                  </a:lnTo>
                  <a:lnTo>
                    <a:pt x="658959" y="3230347"/>
                  </a:lnTo>
                  <a:lnTo>
                    <a:pt x="666398" y="3207384"/>
                  </a:lnTo>
                  <a:cubicBezTo>
                    <a:pt x="673400" y="3178878"/>
                    <a:pt x="683903" y="3147205"/>
                    <a:pt x="694406" y="3115533"/>
                  </a:cubicBezTo>
                  <a:cubicBezTo>
                    <a:pt x="718913" y="3052186"/>
                    <a:pt x="746921" y="2988840"/>
                    <a:pt x="778429" y="2925494"/>
                  </a:cubicBezTo>
                  <a:cubicBezTo>
                    <a:pt x="844948" y="2798802"/>
                    <a:pt x="939474" y="2668943"/>
                    <a:pt x="1062007" y="2548585"/>
                  </a:cubicBezTo>
                  <a:cubicBezTo>
                    <a:pt x="1184541" y="2425061"/>
                    <a:pt x="1338583" y="2314205"/>
                    <a:pt x="1506630" y="2222354"/>
                  </a:cubicBezTo>
                  <a:cubicBezTo>
                    <a:pt x="1678177" y="2133669"/>
                    <a:pt x="1856726" y="2067156"/>
                    <a:pt x="2031774" y="2016479"/>
                  </a:cubicBezTo>
                  <a:cubicBezTo>
                    <a:pt x="2203322" y="1965802"/>
                    <a:pt x="2371368" y="1930962"/>
                    <a:pt x="2532412" y="1905623"/>
                  </a:cubicBezTo>
                  <a:cubicBezTo>
                    <a:pt x="2689956" y="1880285"/>
                    <a:pt x="2840497" y="1864449"/>
                    <a:pt x="2984036" y="1851779"/>
                  </a:cubicBezTo>
                  <a:cubicBezTo>
                    <a:pt x="3127576" y="1835943"/>
                    <a:pt x="3260612" y="1826441"/>
                    <a:pt x="3386647" y="1816939"/>
                  </a:cubicBezTo>
                  <a:cubicBezTo>
                    <a:pt x="3512682" y="1804270"/>
                    <a:pt x="3628214" y="1794768"/>
                    <a:pt x="3726241" y="1782099"/>
                  </a:cubicBezTo>
                  <a:cubicBezTo>
                    <a:pt x="3827769" y="1769430"/>
                    <a:pt x="3911792" y="1756760"/>
                    <a:pt x="3967807" y="1740924"/>
                  </a:cubicBezTo>
                  <a:cubicBezTo>
                    <a:pt x="3995815" y="1734589"/>
                    <a:pt x="4016821" y="1728255"/>
                    <a:pt x="4030824" y="1725087"/>
                  </a:cubicBezTo>
                  <a:cubicBezTo>
                    <a:pt x="4048329" y="1718753"/>
                    <a:pt x="4058832" y="1715586"/>
                    <a:pt x="4072836" y="1709251"/>
                  </a:cubicBezTo>
                  <a:cubicBezTo>
                    <a:pt x="4083339" y="1702916"/>
                    <a:pt x="4097343" y="1696582"/>
                    <a:pt x="4111347" y="1680745"/>
                  </a:cubicBezTo>
                  <a:cubicBezTo>
                    <a:pt x="4121849" y="1668076"/>
                    <a:pt x="4132352" y="1645905"/>
                    <a:pt x="4142855" y="1623734"/>
                  </a:cubicBezTo>
                  <a:cubicBezTo>
                    <a:pt x="4168478" y="1576202"/>
                    <a:pt x="4173884" y="1508380"/>
                    <a:pt x="4139354" y="1452700"/>
                  </a:cubicBezTo>
                  <a:cubicBezTo>
                    <a:pt x="4125350" y="1436863"/>
                    <a:pt x="4100844" y="1414692"/>
                    <a:pt x="4072836" y="1392521"/>
                  </a:cubicBezTo>
                  <a:cubicBezTo>
                    <a:pt x="4016821" y="1348179"/>
                    <a:pt x="3939799" y="1300669"/>
                    <a:pt x="3852275" y="1259494"/>
                  </a:cubicBezTo>
                  <a:cubicBezTo>
                    <a:pt x="3761250" y="1215152"/>
                    <a:pt x="3663223" y="1173977"/>
                    <a:pt x="3558194" y="1132802"/>
                  </a:cubicBezTo>
                  <a:cubicBezTo>
                    <a:pt x="3456666" y="1091627"/>
                    <a:pt x="3344636" y="1056787"/>
                    <a:pt x="3232605" y="1018779"/>
                  </a:cubicBezTo>
                  <a:cubicBezTo>
                    <a:pt x="3008543" y="949099"/>
                    <a:pt x="2770478" y="885753"/>
                    <a:pt x="2528911" y="825574"/>
                  </a:cubicBezTo>
                  <a:cubicBezTo>
                    <a:pt x="2042277" y="705217"/>
                    <a:pt x="1538138" y="607030"/>
                    <a:pt x="1030499" y="515179"/>
                  </a:cubicBezTo>
                  <a:cubicBezTo>
                    <a:pt x="689847" y="455667"/>
                    <a:pt x="346041" y="400434"/>
                    <a:pt x="0" y="348488"/>
                  </a:cubicBezTo>
                  <a:lnTo>
                    <a:pt x="0" y="0"/>
                  </a:lnTo>
                  <a:close/>
                </a:path>
              </a:pathLst>
            </a:custGeom>
            <a:solidFill>
              <a:schemeClr val="bg1">
                <a:lumMod val="85000"/>
              </a:schemeClr>
            </a:solidFill>
            <a:ln w="38100">
              <a:solidFill>
                <a:schemeClr val="tx1">
                  <a:lumMod val="85000"/>
                  <a:lumOff val="15000"/>
                </a:schemeClr>
              </a:solid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i="0" u="none" strike="noStrike" kern="0" normalizeH="0" baseline="0" noProof="0">
                <a:ln w="0"/>
                <a:effectLst>
                  <a:outerShdw blurRad="38100" dist="19050" dir="2700000" algn="tl" rotWithShape="0">
                    <a:schemeClr val="dk1">
                      <a:alpha val="40000"/>
                    </a:schemeClr>
                  </a:outerShdw>
                </a:effectLst>
                <a:uLnTx/>
                <a:uFillTx/>
              </a:endParaRPr>
            </a:p>
          </p:txBody>
        </p:sp>
        <p:sp>
          <p:nvSpPr>
            <p:cNvPr id="20" name="Freeform 7"/>
            <p:cNvSpPr>
              <a:spLocks/>
            </p:cNvSpPr>
            <p:nvPr/>
          </p:nvSpPr>
          <p:spPr bwMode="auto">
            <a:xfrm>
              <a:off x="1" y="796010"/>
              <a:ext cx="9143999" cy="6061990"/>
            </a:xfrm>
            <a:custGeom>
              <a:avLst/>
              <a:gdLst>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06574 w 9143999"/>
                <a:gd name="connsiteY31" fmla="*/ 3349367 h 6061990"/>
                <a:gd name="connsiteX32" fmla="*/ 2407012 w 9143999"/>
                <a:gd name="connsiteY32" fmla="*/ 3355701 h 6061990"/>
                <a:gd name="connsiteX33" fmla="*/ 2407011 w 9143999"/>
                <a:gd name="connsiteY33" fmla="*/ 3362035 h 6061990"/>
                <a:gd name="connsiteX34" fmla="*/ 2406574 w 9143999"/>
                <a:gd name="connsiteY34" fmla="*/ 3366390 h 6061990"/>
                <a:gd name="connsiteX35" fmla="*/ 2410075 w 9143999"/>
                <a:gd name="connsiteY35" fmla="*/ 3371932 h 6061990"/>
                <a:gd name="connsiteX36" fmla="*/ 2445086 w 9143999"/>
                <a:gd name="connsiteY36" fmla="*/ 3470900 h 6061990"/>
                <a:gd name="connsiteX37" fmla="*/ 2529111 w 9143999"/>
                <a:gd name="connsiteY37" fmla="*/ 3575409 h 6061990"/>
                <a:gd name="connsiteX38" fmla="*/ 2886218 w 9143999"/>
                <a:gd name="connsiteY38" fmla="*/ 3828766 h 6061990"/>
                <a:gd name="connsiteX39" fmla="*/ 3414877 w 9143999"/>
                <a:gd name="connsiteY39" fmla="*/ 4075790 h 6061990"/>
                <a:gd name="connsiteX40" fmla="*/ 4034564 w 9143999"/>
                <a:gd name="connsiteY40" fmla="*/ 4294310 h 6061990"/>
                <a:gd name="connsiteX41" fmla="*/ 4706767 w 9143999"/>
                <a:gd name="connsiteY41" fmla="*/ 4487495 h 6061990"/>
                <a:gd name="connsiteX42" fmla="*/ 6128195 w 9143999"/>
                <a:gd name="connsiteY42" fmla="*/ 4810525 h 6061990"/>
                <a:gd name="connsiteX43" fmla="*/ 7609141 w 9143999"/>
                <a:gd name="connsiteY43" fmla="*/ 5070216 h 6061990"/>
                <a:gd name="connsiteX44" fmla="*/ 9118095 w 9143999"/>
                <a:gd name="connsiteY44" fmla="*/ 5285570 h 6061990"/>
                <a:gd name="connsiteX45" fmla="*/ 9143999 w 9143999"/>
                <a:gd name="connsiteY45" fmla="*/ 5288702 h 6061990"/>
                <a:gd name="connsiteX46" fmla="*/ 9143999 w 9143999"/>
                <a:gd name="connsiteY46" fmla="*/ 6061990 h 6061990"/>
                <a:gd name="connsiteX47" fmla="*/ 4752032 w 9143999"/>
                <a:gd name="connsiteY47" fmla="*/ 6061990 h 6061990"/>
                <a:gd name="connsiteX48" fmla="*/ 3828002 w 9143999"/>
                <a:gd name="connsiteY48" fmla="*/ 5760614 h 6061990"/>
                <a:gd name="connsiteX49" fmla="*/ 3071774 w 9143999"/>
                <a:gd name="connsiteY49" fmla="*/ 5475587 h 6061990"/>
                <a:gd name="connsiteX50" fmla="*/ 2329551 w 9143999"/>
                <a:gd name="connsiteY50" fmla="*/ 5136722 h 6061990"/>
                <a:gd name="connsiteX51" fmla="*/ 1615336 w 9143999"/>
                <a:gd name="connsiteY51" fmla="*/ 4712349 h 6061990"/>
                <a:gd name="connsiteX52" fmla="*/ 1282736 w 9143999"/>
                <a:gd name="connsiteY52" fmla="*/ 4446324 h 6061990"/>
                <a:gd name="connsiteX53" fmla="*/ 992148 w 9143999"/>
                <a:gd name="connsiteY53" fmla="*/ 4123294 h 6061990"/>
                <a:gd name="connsiteX54" fmla="*/ 792588 w 9143999"/>
                <a:gd name="connsiteY54" fmla="*/ 3733758 h 6061990"/>
                <a:gd name="connsiteX55" fmla="*/ 761078 w 9143999"/>
                <a:gd name="connsiteY55" fmla="*/ 3296717 h 6061990"/>
                <a:gd name="connsiteX56" fmla="*/ 764579 w 9143999"/>
                <a:gd name="connsiteY56" fmla="*/ 3271381 h 6061990"/>
                <a:gd name="connsiteX57" fmla="*/ 767643 w 9143999"/>
                <a:gd name="connsiteY57" fmla="*/ 3257526 h 6061990"/>
                <a:gd name="connsiteX58" fmla="*/ 771582 w 9143999"/>
                <a:gd name="connsiteY58" fmla="*/ 3242878 h 6061990"/>
                <a:gd name="connsiteX59" fmla="*/ 774645 w 9143999"/>
                <a:gd name="connsiteY59" fmla="*/ 3234565 h 6061990"/>
                <a:gd name="connsiteX60" fmla="*/ 775083 w 9143999"/>
                <a:gd name="connsiteY60" fmla="*/ 3226251 h 6061990"/>
                <a:gd name="connsiteX61" fmla="*/ 775083 w 9143999"/>
                <a:gd name="connsiteY61" fmla="*/ 3223876 h 6061990"/>
                <a:gd name="connsiteX62" fmla="*/ 778146 w 9143999"/>
                <a:gd name="connsiteY62" fmla="*/ 3218334 h 6061990"/>
                <a:gd name="connsiteX63" fmla="*/ 782085 w 9143999"/>
                <a:gd name="connsiteY63" fmla="*/ 3195374 h 6061990"/>
                <a:gd name="connsiteX64" fmla="*/ 813594 w 9143999"/>
                <a:gd name="connsiteY64" fmla="*/ 3106699 h 6061990"/>
                <a:gd name="connsiteX65" fmla="*/ 890617 w 9143999"/>
                <a:gd name="connsiteY65" fmla="*/ 2926182 h 6061990"/>
                <a:gd name="connsiteX66" fmla="*/ 1156698 w 9143999"/>
                <a:gd name="connsiteY66" fmla="*/ 2565148 h 6061990"/>
                <a:gd name="connsiteX67" fmla="*/ 1576824 w 9143999"/>
                <a:gd name="connsiteY67" fmla="*/ 2254786 h 6061990"/>
                <a:gd name="connsiteX68" fmla="*/ 2077475 w 9143999"/>
                <a:gd name="connsiteY68" fmla="*/ 2055267 h 6061990"/>
                <a:gd name="connsiteX69" fmla="*/ 2560620 w 9143999"/>
                <a:gd name="connsiteY69" fmla="*/ 1947590 h 6061990"/>
                <a:gd name="connsiteX70" fmla="*/ 3005254 w 9143999"/>
                <a:gd name="connsiteY70" fmla="*/ 1890585 h 6061990"/>
                <a:gd name="connsiteX71" fmla="*/ 3404374 w 9143999"/>
                <a:gd name="connsiteY71" fmla="*/ 1852581 h 6061990"/>
                <a:gd name="connsiteX72" fmla="*/ 3754480 w 9143999"/>
                <a:gd name="connsiteY72" fmla="*/ 1814578 h 6061990"/>
                <a:gd name="connsiteX73" fmla="*/ 4006556 w 9143999"/>
                <a:gd name="connsiteY73" fmla="*/ 1763907 h 6061990"/>
                <a:gd name="connsiteX74" fmla="*/ 4083579 w 9143999"/>
                <a:gd name="connsiteY74" fmla="*/ 1738571 h 6061990"/>
                <a:gd name="connsiteX75" fmla="*/ 4136095 w 9143999"/>
                <a:gd name="connsiteY75" fmla="*/ 1713235 h 6061990"/>
                <a:gd name="connsiteX76" fmla="*/ 4178107 w 9143999"/>
                <a:gd name="connsiteY76" fmla="*/ 1672065 h 6061990"/>
                <a:gd name="connsiteX77" fmla="*/ 4209617 w 9143999"/>
                <a:gd name="connsiteY77" fmla="*/ 1605558 h 6061990"/>
                <a:gd name="connsiteX78" fmla="*/ 4227122 w 9143999"/>
                <a:gd name="connsiteY78" fmla="*/ 1513716 h 6061990"/>
                <a:gd name="connsiteX79" fmla="*/ 4227122 w 9143999"/>
                <a:gd name="connsiteY79" fmla="*/ 1505403 h 6061990"/>
                <a:gd name="connsiteX80" fmla="*/ 4227122 w 9143999"/>
                <a:gd name="connsiteY80" fmla="*/ 1495902 h 6061990"/>
                <a:gd name="connsiteX81" fmla="*/ 4227122 w 9143999"/>
                <a:gd name="connsiteY81" fmla="*/ 1482047 h 6061990"/>
                <a:gd name="connsiteX82" fmla="*/ 4223621 w 9143999"/>
                <a:gd name="connsiteY82" fmla="*/ 1463045 h 6061990"/>
                <a:gd name="connsiteX83" fmla="*/ 4192112 w 9143999"/>
                <a:gd name="connsiteY83" fmla="*/ 1409207 h 6061990"/>
                <a:gd name="connsiteX84" fmla="*/ 4118589 w 9143999"/>
                <a:gd name="connsiteY84" fmla="*/ 1342700 h 6061990"/>
                <a:gd name="connsiteX85" fmla="*/ 3884019 w 9143999"/>
                <a:gd name="connsiteY85" fmla="*/ 1203354 h 6061990"/>
                <a:gd name="connsiteX86" fmla="*/ 3582928 w 9143999"/>
                <a:gd name="connsiteY86" fmla="*/ 1076675 h 6061990"/>
                <a:gd name="connsiteX87" fmla="*/ 3253829 w 9143999"/>
                <a:gd name="connsiteY87" fmla="*/ 965832 h 6061990"/>
                <a:gd name="connsiteX88" fmla="*/ 2543115 w 9143999"/>
                <a:gd name="connsiteY88" fmla="*/ 772647 h 6061990"/>
                <a:gd name="connsiteX89" fmla="*/ 1041163 w 9143999"/>
                <a:gd name="connsiteY89" fmla="*/ 468619 h 6061990"/>
                <a:gd name="connsiteX90" fmla="*/ 0 w 9143999"/>
                <a:gd name="connsiteY90" fmla="*/ 304674 h 6061990"/>
                <a:gd name="connsiteX91" fmla="*/ 0 w 9143999"/>
                <a:gd name="connsiteY91"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06574 w 9143999"/>
                <a:gd name="connsiteY31" fmla="*/ 3349367 h 6061990"/>
                <a:gd name="connsiteX32" fmla="*/ 2407012 w 9143999"/>
                <a:gd name="connsiteY32" fmla="*/ 3355701 h 6061990"/>
                <a:gd name="connsiteX33" fmla="*/ 2406574 w 9143999"/>
                <a:gd name="connsiteY33" fmla="*/ 3366390 h 6061990"/>
                <a:gd name="connsiteX34" fmla="*/ 2410075 w 9143999"/>
                <a:gd name="connsiteY34" fmla="*/ 3371932 h 6061990"/>
                <a:gd name="connsiteX35" fmla="*/ 2445086 w 9143999"/>
                <a:gd name="connsiteY35" fmla="*/ 3470900 h 6061990"/>
                <a:gd name="connsiteX36" fmla="*/ 2529111 w 9143999"/>
                <a:gd name="connsiteY36" fmla="*/ 3575409 h 6061990"/>
                <a:gd name="connsiteX37" fmla="*/ 2886218 w 9143999"/>
                <a:gd name="connsiteY37" fmla="*/ 3828766 h 6061990"/>
                <a:gd name="connsiteX38" fmla="*/ 3414877 w 9143999"/>
                <a:gd name="connsiteY38" fmla="*/ 4075790 h 6061990"/>
                <a:gd name="connsiteX39" fmla="*/ 4034564 w 9143999"/>
                <a:gd name="connsiteY39" fmla="*/ 4294310 h 6061990"/>
                <a:gd name="connsiteX40" fmla="*/ 4706767 w 9143999"/>
                <a:gd name="connsiteY40" fmla="*/ 4487495 h 6061990"/>
                <a:gd name="connsiteX41" fmla="*/ 6128195 w 9143999"/>
                <a:gd name="connsiteY41" fmla="*/ 4810525 h 6061990"/>
                <a:gd name="connsiteX42" fmla="*/ 7609141 w 9143999"/>
                <a:gd name="connsiteY42" fmla="*/ 5070216 h 6061990"/>
                <a:gd name="connsiteX43" fmla="*/ 9118095 w 9143999"/>
                <a:gd name="connsiteY43" fmla="*/ 5285570 h 6061990"/>
                <a:gd name="connsiteX44" fmla="*/ 9143999 w 9143999"/>
                <a:gd name="connsiteY44" fmla="*/ 5288702 h 6061990"/>
                <a:gd name="connsiteX45" fmla="*/ 9143999 w 9143999"/>
                <a:gd name="connsiteY45" fmla="*/ 6061990 h 6061990"/>
                <a:gd name="connsiteX46" fmla="*/ 4752032 w 9143999"/>
                <a:gd name="connsiteY46" fmla="*/ 6061990 h 6061990"/>
                <a:gd name="connsiteX47" fmla="*/ 3828002 w 9143999"/>
                <a:gd name="connsiteY47" fmla="*/ 5760614 h 6061990"/>
                <a:gd name="connsiteX48" fmla="*/ 3071774 w 9143999"/>
                <a:gd name="connsiteY48" fmla="*/ 5475587 h 6061990"/>
                <a:gd name="connsiteX49" fmla="*/ 2329551 w 9143999"/>
                <a:gd name="connsiteY49" fmla="*/ 5136722 h 6061990"/>
                <a:gd name="connsiteX50" fmla="*/ 1615336 w 9143999"/>
                <a:gd name="connsiteY50" fmla="*/ 4712349 h 6061990"/>
                <a:gd name="connsiteX51" fmla="*/ 1282736 w 9143999"/>
                <a:gd name="connsiteY51" fmla="*/ 4446324 h 6061990"/>
                <a:gd name="connsiteX52" fmla="*/ 992148 w 9143999"/>
                <a:gd name="connsiteY52" fmla="*/ 4123294 h 6061990"/>
                <a:gd name="connsiteX53" fmla="*/ 792588 w 9143999"/>
                <a:gd name="connsiteY53" fmla="*/ 3733758 h 6061990"/>
                <a:gd name="connsiteX54" fmla="*/ 761078 w 9143999"/>
                <a:gd name="connsiteY54" fmla="*/ 3296717 h 6061990"/>
                <a:gd name="connsiteX55" fmla="*/ 764579 w 9143999"/>
                <a:gd name="connsiteY55" fmla="*/ 3271381 h 6061990"/>
                <a:gd name="connsiteX56" fmla="*/ 767643 w 9143999"/>
                <a:gd name="connsiteY56" fmla="*/ 3257526 h 6061990"/>
                <a:gd name="connsiteX57" fmla="*/ 771582 w 9143999"/>
                <a:gd name="connsiteY57" fmla="*/ 3242878 h 6061990"/>
                <a:gd name="connsiteX58" fmla="*/ 774645 w 9143999"/>
                <a:gd name="connsiteY58" fmla="*/ 3234565 h 6061990"/>
                <a:gd name="connsiteX59" fmla="*/ 775083 w 9143999"/>
                <a:gd name="connsiteY59" fmla="*/ 3226251 h 6061990"/>
                <a:gd name="connsiteX60" fmla="*/ 775083 w 9143999"/>
                <a:gd name="connsiteY60" fmla="*/ 3223876 h 6061990"/>
                <a:gd name="connsiteX61" fmla="*/ 778146 w 9143999"/>
                <a:gd name="connsiteY61" fmla="*/ 3218334 h 6061990"/>
                <a:gd name="connsiteX62" fmla="*/ 782085 w 9143999"/>
                <a:gd name="connsiteY62" fmla="*/ 3195374 h 6061990"/>
                <a:gd name="connsiteX63" fmla="*/ 813594 w 9143999"/>
                <a:gd name="connsiteY63" fmla="*/ 3106699 h 6061990"/>
                <a:gd name="connsiteX64" fmla="*/ 890617 w 9143999"/>
                <a:gd name="connsiteY64" fmla="*/ 2926182 h 6061990"/>
                <a:gd name="connsiteX65" fmla="*/ 1156698 w 9143999"/>
                <a:gd name="connsiteY65" fmla="*/ 2565148 h 6061990"/>
                <a:gd name="connsiteX66" fmla="*/ 1576824 w 9143999"/>
                <a:gd name="connsiteY66" fmla="*/ 2254786 h 6061990"/>
                <a:gd name="connsiteX67" fmla="*/ 2077475 w 9143999"/>
                <a:gd name="connsiteY67" fmla="*/ 2055267 h 6061990"/>
                <a:gd name="connsiteX68" fmla="*/ 2560620 w 9143999"/>
                <a:gd name="connsiteY68" fmla="*/ 1947590 h 6061990"/>
                <a:gd name="connsiteX69" fmla="*/ 3005254 w 9143999"/>
                <a:gd name="connsiteY69" fmla="*/ 1890585 h 6061990"/>
                <a:gd name="connsiteX70" fmla="*/ 3404374 w 9143999"/>
                <a:gd name="connsiteY70" fmla="*/ 1852581 h 6061990"/>
                <a:gd name="connsiteX71" fmla="*/ 3754480 w 9143999"/>
                <a:gd name="connsiteY71" fmla="*/ 1814578 h 6061990"/>
                <a:gd name="connsiteX72" fmla="*/ 4006556 w 9143999"/>
                <a:gd name="connsiteY72" fmla="*/ 1763907 h 6061990"/>
                <a:gd name="connsiteX73" fmla="*/ 4083579 w 9143999"/>
                <a:gd name="connsiteY73" fmla="*/ 1738571 h 6061990"/>
                <a:gd name="connsiteX74" fmla="*/ 4136095 w 9143999"/>
                <a:gd name="connsiteY74" fmla="*/ 1713235 h 6061990"/>
                <a:gd name="connsiteX75" fmla="*/ 4178107 w 9143999"/>
                <a:gd name="connsiteY75" fmla="*/ 1672065 h 6061990"/>
                <a:gd name="connsiteX76" fmla="*/ 4209617 w 9143999"/>
                <a:gd name="connsiteY76" fmla="*/ 1605558 h 6061990"/>
                <a:gd name="connsiteX77" fmla="*/ 4227122 w 9143999"/>
                <a:gd name="connsiteY77" fmla="*/ 1513716 h 6061990"/>
                <a:gd name="connsiteX78" fmla="*/ 4227122 w 9143999"/>
                <a:gd name="connsiteY78" fmla="*/ 1505403 h 6061990"/>
                <a:gd name="connsiteX79" fmla="*/ 4227122 w 9143999"/>
                <a:gd name="connsiteY79" fmla="*/ 1495902 h 6061990"/>
                <a:gd name="connsiteX80" fmla="*/ 4227122 w 9143999"/>
                <a:gd name="connsiteY80" fmla="*/ 1482047 h 6061990"/>
                <a:gd name="connsiteX81" fmla="*/ 4223621 w 9143999"/>
                <a:gd name="connsiteY81" fmla="*/ 1463045 h 6061990"/>
                <a:gd name="connsiteX82" fmla="*/ 4192112 w 9143999"/>
                <a:gd name="connsiteY82" fmla="*/ 1409207 h 6061990"/>
                <a:gd name="connsiteX83" fmla="*/ 4118589 w 9143999"/>
                <a:gd name="connsiteY83" fmla="*/ 1342700 h 6061990"/>
                <a:gd name="connsiteX84" fmla="*/ 3884019 w 9143999"/>
                <a:gd name="connsiteY84" fmla="*/ 1203354 h 6061990"/>
                <a:gd name="connsiteX85" fmla="*/ 3582928 w 9143999"/>
                <a:gd name="connsiteY85" fmla="*/ 1076675 h 6061990"/>
                <a:gd name="connsiteX86" fmla="*/ 3253829 w 9143999"/>
                <a:gd name="connsiteY86" fmla="*/ 965832 h 6061990"/>
                <a:gd name="connsiteX87" fmla="*/ 2543115 w 9143999"/>
                <a:gd name="connsiteY87" fmla="*/ 772647 h 6061990"/>
                <a:gd name="connsiteX88" fmla="*/ 1041163 w 9143999"/>
                <a:gd name="connsiteY88" fmla="*/ 468619 h 6061990"/>
                <a:gd name="connsiteX89" fmla="*/ 0 w 9143999"/>
                <a:gd name="connsiteY89" fmla="*/ 304674 h 6061990"/>
                <a:gd name="connsiteX90" fmla="*/ 0 w 9143999"/>
                <a:gd name="connsiteY90"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06574 w 9143999"/>
                <a:gd name="connsiteY31" fmla="*/ 3349367 h 6061990"/>
                <a:gd name="connsiteX32" fmla="*/ 2406574 w 9143999"/>
                <a:gd name="connsiteY32" fmla="*/ 3366390 h 6061990"/>
                <a:gd name="connsiteX33" fmla="*/ 2410075 w 9143999"/>
                <a:gd name="connsiteY33" fmla="*/ 3371932 h 6061990"/>
                <a:gd name="connsiteX34" fmla="*/ 2445086 w 9143999"/>
                <a:gd name="connsiteY34" fmla="*/ 3470900 h 6061990"/>
                <a:gd name="connsiteX35" fmla="*/ 2529111 w 9143999"/>
                <a:gd name="connsiteY35" fmla="*/ 3575409 h 6061990"/>
                <a:gd name="connsiteX36" fmla="*/ 2886218 w 9143999"/>
                <a:gd name="connsiteY36" fmla="*/ 3828766 h 6061990"/>
                <a:gd name="connsiteX37" fmla="*/ 3414877 w 9143999"/>
                <a:gd name="connsiteY37" fmla="*/ 4075790 h 6061990"/>
                <a:gd name="connsiteX38" fmla="*/ 4034564 w 9143999"/>
                <a:gd name="connsiteY38" fmla="*/ 4294310 h 6061990"/>
                <a:gd name="connsiteX39" fmla="*/ 4706767 w 9143999"/>
                <a:gd name="connsiteY39" fmla="*/ 4487495 h 6061990"/>
                <a:gd name="connsiteX40" fmla="*/ 6128195 w 9143999"/>
                <a:gd name="connsiteY40" fmla="*/ 4810525 h 6061990"/>
                <a:gd name="connsiteX41" fmla="*/ 7609141 w 9143999"/>
                <a:gd name="connsiteY41" fmla="*/ 5070216 h 6061990"/>
                <a:gd name="connsiteX42" fmla="*/ 9118095 w 9143999"/>
                <a:gd name="connsiteY42" fmla="*/ 5285570 h 6061990"/>
                <a:gd name="connsiteX43" fmla="*/ 9143999 w 9143999"/>
                <a:gd name="connsiteY43" fmla="*/ 5288702 h 6061990"/>
                <a:gd name="connsiteX44" fmla="*/ 9143999 w 9143999"/>
                <a:gd name="connsiteY44" fmla="*/ 6061990 h 6061990"/>
                <a:gd name="connsiteX45" fmla="*/ 4752032 w 9143999"/>
                <a:gd name="connsiteY45" fmla="*/ 6061990 h 6061990"/>
                <a:gd name="connsiteX46" fmla="*/ 3828002 w 9143999"/>
                <a:gd name="connsiteY46" fmla="*/ 5760614 h 6061990"/>
                <a:gd name="connsiteX47" fmla="*/ 3071774 w 9143999"/>
                <a:gd name="connsiteY47" fmla="*/ 5475587 h 6061990"/>
                <a:gd name="connsiteX48" fmla="*/ 2329551 w 9143999"/>
                <a:gd name="connsiteY48" fmla="*/ 5136722 h 6061990"/>
                <a:gd name="connsiteX49" fmla="*/ 1615336 w 9143999"/>
                <a:gd name="connsiteY49" fmla="*/ 4712349 h 6061990"/>
                <a:gd name="connsiteX50" fmla="*/ 1282736 w 9143999"/>
                <a:gd name="connsiteY50" fmla="*/ 4446324 h 6061990"/>
                <a:gd name="connsiteX51" fmla="*/ 992148 w 9143999"/>
                <a:gd name="connsiteY51" fmla="*/ 4123294 h 6061990"/>
                <a:gd name="connsiteX52" fmla="*/ 792588 w 9143999"/>
                <a:gd name="connsiteY52" fmla="*/ 3733758 h 6061990"/>
                <a:gd name="connsiteX53" fmla="*/ 761078 w 9143999"/>
                <a:gd name="connsiteY53" fmla="*/ 3296717 h 6061990"/>
                <a:gd name="connsiteX54" fmla="*/ 764579 w 9143999"/>
                <a:gd name="connsiteY54" fmla="*/ 3271381 h 6061990"/>
                <a:gd name="connsiteX55" fmla="*/ 767643 w 9143999"/>
                <a:gd name="connsiteY55" fmla="*/ 3257526 h 6061990"/>
                <a:gd name="connsiteX56" fmla="*/ 771582 w 9143999"/>
                <a:gd name="connsiteY56" fmla="*/ 3242878 h 6061990"/>
                <a:gd name="connsiteX57" fmla="*/ 774645 w 9143999"/>
                <a:gd name="connsiteY57" fmla="*/ 3234565 h 6061990"/>
                <a:gd name="connsiteX58" fmla="*/ 775083 w 9143999"/>
                <a:gd name="connsiteY58" fmla="*/ 3226251 h 6061990"/>
                <a:gd name="connsiteX59" fmla="*/ 775083 w 9143999"/>
                <a:gd name="connsiteY59" fmla="*/ 3223876 h 6061990"/>
                <a:gd name="connsiteX60" fmla="*/ 778146 w 9143999"/>
                <a:gd name="connsiteY60" fmla="*/ 3218334 h 6061990"/>
                <a:gd name="connsiteX61" fmla="*/ 782085 w 9143999"/>
                <a:gd name="connsiteY61" fmla="*/ 3195374 h 6061990"/>
                <a:gd name="connsiteX62" fmla="*/ 813594 w 9143999"/>
                <a:gd name="connsiteY62" fmla="*/ 3106699 h 6061990"/>
                <a:gd name="connsiteX63" fmla="*/ 890617 w 9143999"/>
                <a:gd name="connsiteY63" fmla="*/ 2926182 h 6061990"/>
                <a:gd name="connsiteX64" fmla="*/ 1156698 w 9143999"/>
                <a:gd name="connsiteY64" fmla="*/ 2565148 h 6061990"/>
                <a:gd name="connsiteX65" fmla="*/ 1576824 w 9143999"/>
                <a:gd name="connsiteY65" fmla="*/ 2254786 h 6061990"/>
                <a:gd name="connsiteX66" fmla="*/ 2077475 w 9143999"/>
                <a:gd name="connsiteY66" fmla="*/ 2055267 h 6061990"/>
                <a:gd name="connsiteX67" fmla="*/ 2560620 w 9143999"/>
                <a:gd name="connsiteY67" fmla="*/ 1947590 h 6061990"/>
                <a:gd name="connsiteX68" fmla="*/ 3005254 w 9143999"/>
                <a:gd name="connsiteY68" fmla="*/ 1890585 h 6061990"/>
                <a:gd name="connsiteX69" fmla="*/ 3404374 w 9143999"/>
                <a:gd name="connsiteY69" fmla="*/ 1852581 h 6061990"/>
                <a:gd name="connsiteX70" fmla="*/ 3754480 w 9143999"/>
                <a:gd name="connsiteY70" fmla="*/ 1814578 h 6061990"/>
                <a:gd name="connsiteX71" fmla="*/ 4006556 w 9143999"/>
                <a:gd name="connsiteY71" fmla="*/ 1763907 h 6061990"/>
                <a:gd name="connsiteX72" fmla="*/ 4083579 w 9143999"/>
                <a:gd name="connsiteY72" fmla="*/ 1738571 h 6061990"/>
                <a:gd name="connsiteX73" fmla="*/ 4136095 w 9143999"/>
                <a:gd name="connsiteY73" fmla="*/ 1713235 h 6061990"/>
                <a:gd name="connsiteX74" fmla="*/ 4178107 w 9143999"/>
                <a:gd name="connsiteY74" fmla="*/ 1672065 h 6061990"/>
                <a:gd name="connsiteX75" fmla="*/ 4209617 w 9143999"/>
                <a:gd name="connsiteY75" fmla="*/ 1605558 h 6061990"/>
                <a:gd name="connsiteX76" fmla="*/ 4227122 w 9143999"/>
                <a:gd name="connsiteY76" fmla="*/ 1513716 h 6061990"/>
                <a:gd name="connsiteX77" fmla="*/ 4227122 w 9143999"/>
                <a:gd name="connsiteY77" fmla="*/ 1505403 h 6061990"/>
                <a:gd name="connsiteX78" fmla="*/ 4227122 w 9143999"/>
                <a:gd name="connsiteY78" fmla="*/ 1495902 h 6061990"/>
                <a:gd name="connsiteX79" fmla="*/ 4227122 w 9143999"/>
                <a:gd name="connsiteY79" fmla="*/ 1482047 h 6061990"/>
                <a:gd name="connsiteX80" fmla="*/ 4223621 w 9143999"/>
                <a:gd name="connsiteY80" fmla="*/ 1463045 h 6061990"/>
                <a:gd name="connsiteX81" fmla="*/ 4192112 w 9143999"/>
                <a:gd name="connsiteY81" fmla="*/ 1409207 h 6061990"/>
                <a:gd name="connsiteX82" fmla="*/ 4118589 w 9143999"/>
                <a:gd name="connsiteY82" fmla="*/ 1342700 h 6061990"/>
                <a:gd name="connsiteX83" fmla="*/ 3884019 w 9143999"/>
                <a:gd name="connsiteY83" fmla="*/ 1203354 h 6061990"/>
                <a:gd name="connsiteX84" fmla="*/ 3582928 w 9143999"/>
                <a:gd name="connsiteY84" fmla="*/ 1076675 h 6061990"/>
                <a:gd name="connsiteX85" fmla="*/ 3253829 w 9143999"/>
                <a:gd name="connsiteY85" fmla="*/ 965832 h 6061990"/>
                <a:gd name="connsiteX86" fmla="*/ 2543115 w 9143999"/>
                <a:gd name="connsiteY86" fmla="*/ 772647 h 6061990"/>
                <a:gd name="connsiteX87" fmla="*/ 1041163 w 9143999"/>
                <a:gd name="connsiteY87" fmla="*/ 468619 h 6061990"/>
                <a:gd name="connsiteX88" fmla="*/ 0 w 9143999"/>
                <a:gd name="connsiteY88" fmla="*/ 304674 h 6061990"/>
                <a:gd name="connsiteX89" fmla="*/ 0 w 9143999"/>
                <a:gd name="connsiteY89"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06574 w 9143999"/>
                <a:gd name="connsiteY31" fmla="*/ 3366390 h 6061990"/>
                <a:gd name="connsiteX32" fmla="*/ 2410075 w 9143999"/>
                <a:gd name="connsiteY32" fmla="*/ 3371932 h 6061990"/>
                <a:gd name="connsiteX33" fmla="*/ 2445086 w 9143999"/>
                <a:gd name="connsiteY33" fmla="*/ 3470900 h 6061990"/>
                <a:gd name="connsiteX34" fmla="*/ 2529111 w 9143999"/>
                <a:gd name="connsiteY34" fmla="*/ 3575409 h 6061990"/>
                <a:gd name="connsiteX35" fmla="*/ 2886218 w 9143999"/>
                <a:gd name="connsiteY35" fmla="*/ 3828766 h 6061990"/>
                <a:gd name="connsiteX36" fmla="*/ 3414877 w 9143999"/>
                <a:gd name="connsiteY36" fmla="*/ 4075790 h 6061990"/>
                <a:gd name="connsiteX37" fmla="*/ 4034564 w 9143999"/>
                <a:gd name="connsiteY37" fmla="*/ 4294310 h 6061990"/>
                <a:gd name="connsiteX38" fmla="*/ 4706767 w 9143999"/>
                <a:gd name="connsiteY38" fmla="*/ 4487495 h 6061990"/>
                <a:gd name="connsiteX39" fmla="*/ 6128195 w 9143999"/>
                <a:gd name="connsiteY39" fmla="*/ 4810525 h 6061990"/>
                <a:gd name="connsiteX40" fmla="*/ 7609141 w 9143999"/>
                <a:gd name="connsiteY40" fmla="*/ 5070216 h 6061990"/>
                <a:gd name="connsiteX41" fmla="*/ 9118095 w 9143999"/>
                <a:gd name="connsiteY41" fmla="*/ 5285570 h 6061990"/>
                <a:gd name="connsiteX42" fmla="*/ 9143999 w 9143999"/>
                <a:gd name="connsiteY42" fmla="*/ 5288702 h 6061990"/>
                <a:gd name="connsiteX43" fmla="*/ 9143999 w 9143999"/>
                <a:gd name="connsiteY43" fmla="*/ 6061990 h 6061990"/>
                <a:gd name="connsiteX44" fmla="*/ 4752032 w 9143999"/>
                <a:gd name="connsiteY44" fmla="*/ 6061990 h 6061990"/>
                <a:gd name="connsiteX45" fmla="*/ 3828002 w 9143999"/>
                <a:gd name="connsiteY45" fmla="*/ 5760614 h 6061990"/>
                <a:gd name="connsiteX46" fmla="*/ 3071774 w 9143999"/>
                <a:gd name="connsiteY46" fmla="*/ 5475587 h 6061990"/>
                <a:gd name="connsiteX47" fmla="*/ 2329551 w 9143999"/>
                <a:gd name="connsiteY47" fmla="*/ 5136722 h 6061990"/>
                <a:gd name="connsiteX48" fmla="*/ 1615336 w 9143999"/>
                <a:gd name="connsiteY48" fmla="*/ 4712349 h 6061990"/>
                <a:gd name="connsiteX49" fmla="*/ 1282736 w 9143999"/>
                <a:gd name="connsiteY49" fmla="*/ 4446324 h 6061990"/>
                <a:gd name="connsiteX50" fmla="*/ 992148 w 9143999"/>
                <a:gd name="connsiteY50" fmla="*/ 4123294 h 6061990"/>
                <a:gd name="connsiteX51" fmla="*/ 792588 w 9143999"/>
                <a:gd name="connsiteY51" fmla="*/ 3733758 h 6061990"/>
                <a:gd name="connsiteX52" fmla="*/ 761078 w 9143999"/>
                <a:gd name="connsiteY52" fmla="*/ 3296717 h 6061990"/>
                <a:gd name="connsiteX53" fmla="*/ 764579 w 9143999"/>
                <a:gd name="connsiteY53" fmla="*/ 3271381 h 6061990"/>
                <a:gd name="connsiteX54" fmla="*/ 767643 w 9143999"/>
                <a:gd name="connsiteY54" fmla="*/ 3257526 h 6061990"/>
                <a:gd name="connsiteX55" fmla="*/ 771582 w 9143999"/>
                <a:gd name="connsiteY55" fmla="*/ 3242878 h 6061990"/>
                <a:gd name="connsiteX56" fmla="*/ 774645 w 9143999"/>
                <a:gd name="connsiteY56" fmla="*/ 3234565 h 6061990"/>
                <a:gd name="connsiteX57" fmla="*/ 775083 w 9143999"/>
                <a:gd name="connsiteY57" fmla="*/ 3226251 h 6061990"/>
                <a:gd name="connsiteX58" fmla="*/ 775083 w 9143999"/>
                <a:gd name="connsiteY58" fmla="*/ 3223876 h 6061990"/>
                <a:gd name="connsiteX59" fmla="*/ 778146 w 9143999"/>
                <a:gd name="connsiteY59" fmla="*/ 3218334 h 6061990"/>
                <a:gd name="connsiteX60" fmla="*/ 782085 w 9143999"/>
                <a:gd name="connsiteY60" fmla="*/ 3195374 h 6061990"/>
                <a:gd name="connsiteX61" fmla="*/ 813594 w 9143999"/>
                <a:gd name="connsiteY61" fmla="*/ 3106699 h 6061990"/>
                <a:gd name="connsiteX62" fmla="*/ 890617 w 9143999"/>
                <a:gd name="connsiteY62" fmla="*/ 2926182 h 6061990"/>
                <a:gd name="connsiteX63" fmla="*/ 1156698 w 9143999"/>
                <a:gd name="connsiteY63" fmla="*/ 2565148 h 6061990"/>
                <a:gd name="connsiteX64" fmla="*/ 1576824 w 9143999"/>
                <a:gd name="connsiteY64" fmla="*/ 2254786 h 6061990"/>
                <a:gd name="connsiteX65" fmla="*/ 2077475 w 9143999"/>
                <a:gd name="connsiteY65" fmla="*/ 2055267 h 6061990"/>
                <a:gd name="connsiteX66" fmla="*/ 2560620 w 9143999"/>
                <a:gd name="connsiteY66" fmla="*/ 1947590 h 6061990"/>
                <a:gd name="connsiteX67" fmla="*/ 3005254 w 9143999"/>
                <a:gd name="connsiteY67" fmla="*/ 1890585 h 6061990"/>
                <a:gd name="connsiteX68" fmla="*/ 3404374 w 9143999"/>
                <a:gd name="connsiteY68" fmla="*/ 1852581 h 6061990"/>
                <a:gd name="connsiteX69" fmla="*/ 3754480 w 9143999"/>
                <a:gd name="connsiteY69" fmla="*/ 1814578 h 6061990"/>
                <a:gd name="connsiteX70" fmla="*/ 4006556 w 9143999"/>
                <a:gd name="connsiteY70" fmla="*/ 1763907 h 6061990"/>
                <a:gd name="connsiteX71" fmla="*/ 4083579 w 9143999"/>
                <a:gd name="connsiteY71" fmla="*/ 1738571 h 6061990"/>
                <a:gd name="connsiteX72" fmla="*/ 4136095 w 9143999"/>
                <a:gd name="connsiteY72" fmla="*/ 1713235 h 6061990"/>
                <a:gd name="connsiteX73" fmla="*/ 4178107 w 9143999"/>
                <a:gd name="connsiteY73" fmla="*/ 1672065 h 6061990"/>
                <a:gd name="connsiteX74" fmla="*/ 4209617 w 9143999"/>
                <a:gd name="connsiteY74" fmla="*/ 1605558 h 6061990"/>
                <a:gd name="connsiteX75" fmla="*/ 4227122 w 9143999"/>
                <a:gd name="connsiteY75" fmla="*/ 1513716 h 6061990"/>
                <a:gd name="connsiteX76" fmla="*/ 4227122 w 9143999"/>
                <a:gd name="connsiteY76" fmla="*/ 1505403 h 6061990"/>
                <a:gd name="connsiteX77" fmla="*/ 4227122 w 9143999"/>
                <a:gd name="connsiteY77" fmla="*/ 1495902 h 6061990"/>
                <a:gd name="connsiteX78" fmla="*/ 4227122 w 9143999"/>
                <a:gd name="connsiteY78" fmla="*/ 1482047 h 6061990"/>
                <a:gd name="connsiteX79" fmla="*/ 4223621 w 9143999"/>
                <a:gd name="connsiteY79" fmla="*/ 1463045 h 6061990"/>
                <a:gd name="connsiteX80" fmla="*/ 4192112 w 9143999"/>
                <a:gd name="connsiteY80" fmla="*/ 1409207 h 6061990"/>
                <a:gd name="connsiteX81" fmla="*/ 4118589 w 9143999"/>
                <a:gd name="connsiteY81" fmla="*/ 1342700 h 6061990"/>
                <a:gd name="connsiteX82" fmla="*/ 3884019 w 9143999"/>
                <a:gd name="connsiteY82" fmla="*/ 1203354 h 6061990"/>
                <a:gd name="connsiteX83" fmla="*/ 3582928 w 9143999"/>
                <a:gd name="connsiteY83" fmla="*/ 1076675 h 6061990"/>
                <a:gd name="connsiteX84" fmla="*/ 3253829 w 9143999"/>
                <a:gd name="connsiteY84" fmla="*/ 965832 h 6061990"/>
                <a:gd name="connsiteX85" fmla="*/ 2543115 w 9143999"/>
                <a:gd name="connsiteY85" fmla="*/ 772647 h 6061990"/>
                <a:gd name="connsiteX86" fmla="*/ 1041163 w 9143999"/>
                <a:gd name="connsiteY86" fmla="*/ 468619 h 6061990"/>
                <a:gd name="connsiteX87" fmla="*/ 0 w 9143999"/>
                <a:gd name="connsiteY87" fmla="*/ 304674 h 6061990"/>
                <a:gd name="connsiteX88" fmla="*/ 0 w 9143999"/>
                <a:gd name="connsiteY88"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10075 w 9143999"/>
                <a:gd name="connsiteY31" fmla="*/ 3371932 h 6061990"/>
                <a:gd name="connsiteX32" fmla="*/ 2445086 w 9143999"/>
                <a:gd name="connsiteY32" fmla="*/ 3470900 h 6061990"/>
                <a:gd name="connsiteX33" fmla="*/ 2529111 w 9143999"/>
                <a:gd name="connsiteY33" fmla="*/ 3575409 h 6061990"/>
                <a:gd name="connsiteX34" fmla="*/ 2886218 w 9143999"/>
                <a:gd name="connsiteY34" fmla="*/ 3828766 h 6061990"/>
                <a:gd name="connsiteX35" fmla="*/ 3414877 w 9143999"/>
                <a:gd name="connsiteY35" fmla="*/ 4075790 h 6061990"/>
                <a:gd name="connsiteX36" fmla="*/ 4034564 w 9143999"/>
                <a:gd name="connsiteY36" fmla="*/ 4294310 h 6061990"/>
                <a:gd name="connsiteX37" fmla="*/ 4706767 w 9143999"/>
                <a:gd name="connsiteY37" fmla="*/ 4487495 h 6061990"/>
                <a:gd name="connsiteX38" fmla="*/ 6128195 w 9143999"/>
                <a:gd name="connsiteY38" fmla="*/ 4810525 h 6061990"/>
                <a:gd name="connsiteX39" fmla="*/ 7609141 w 9143999"/>
                <a:gd name="connsiteY39" fmla="*/ 5070216 h 6061990"/>
                <a:gd name="connsiteX40" fmla="*/ 9118095 w 9143999"/>
                <a:gd name="connsiteY40" fmla="*/ 5285570 h 6061990"/>
                <a:gd name="connsiteX41" fmla="*/ 9143999 w 9143999"/>
                <a:gd name="connsiteY41" fmla="*/ 5288702 h 6061990"/>
                <a:gd name="connsiteX42" fmla="*/ 9143999 w 9143999"/>
                <a:gd name="connsiteY42" fmla="*/ 6061990 h 6061990"/>
                <a:gd name="connsiteX43" fmla="*/ 4752032 w 9143999"/>
                <a:gd name="connsiteY43" fmla="*/ 6061990 h 6061990"/>
                <a:gd name="connsiteX44" fmla="*/ 3828002 w 9143999"/>
                <a:gd name="connsiteY44" fmla="*/ 5760614 h 6061990"/>
                <a:gd name="connsiteX45" fmla="*/ 3071774 w 9143999"/>
                <a:gd name="connsiteY45" fmla="*/ 5475587 h 6061990"/>
                <a:gd name="connsiteX46" fmla="*/ 2329551 w 9143999"/>
                <a:gd name="connsiteY46" fmla="*/ 5136722 h 6061990"/>
                <a:gd name="connsiteX47" fmla="*/ 1615336 w 9143999"/>
                <a:gd name="connsiteY47" fmla="*/ 4712349 h 6061990"/>
                <a:gd name="connsiteX48" fmla="*/ 1282736 w 9143999"/>
                <a:gd name="connsiteY48" fmla="*/ 4446324 h 6061990"/>
                <a:gd name="connsiteX49" fmla="*/ 992148 w 9143999"/>
                <a:gd name="connsiteY49" fmla="*/ 4123294 h 6061990"/>
                <a:gd name="connsiteX50" fmla="*/ 792588 w 9143999"/>
                <a:gd name="connsiteY50" fmla="*/ 3733758 h 6061990"/>
                <a:gd name="connsiteX51" fmla="*/ 761078 w 9143999"/>
                <a:gd name="connsiteY51" fmla="*/ 3296717 h 6061990"/>
                <a:gd name="connsiteX52" fmla="*/ 764579 w 9143999"/>
                <a:gd name="connsiteY52" fmla="*/ 3271381 h 6061990"/>
                <a:gd name="connsiteX53" fmla="*/ 767643 w 9143999"/>
                <a:gd name="connsiteY53" fmla="*/ 3257526 h 6061990"/>
                <a:gd name="connsiteX54" fmla="*/ 771582 w 9143999"/>
                <a:gd name="connsiteY54" fmla="*/ 3242878 h 6061990"/>
                <a:gd name="connsiteX55" fmla="*/ 774645 w 9143999"/>
                <a:gd name="connsiteY55" fmla="*/ 3234565 h 6061990"/>
                <a:gd name="connsiteX56" fmla="*/ 775083 w 9143999"/>
                <a:gd name="connsiteY56" fmla="*/ 3226251 h 6061990"/>
                <a:gd name="connsiteX57" fmla="*/ 775083 w 9143999"/>
                <a:gd name="connsiteY57" fmla="*/ 3223876 h 6061990"/>
                <a:gd name="connsiteX58" fmla="*/ 778146 w 9143999"/>
                <a:gd name="connsiteY58" fmla="*/ 3218334 h 6061990"/>
                <a:gd name="connsiteX59" fmla="*/ 782085 w 9143999"/>
                <a:gd name="connsiteY59" fmla="*/ 3195374 h 6061990"/>
                <a:gd name="connsiteX60" fmla="*/ 813594 w 9143999"/>
                <a:gd name="connsiteY60" fmla="*/ 3106699 h 6061990"/>
                <a:gd name="connsiteX61" fmla="*/ 890617 w 9143999"/>
                <a:gd name="connsiteY61" fmla="*/ 2926182 h 6061990"/>
                <a:gd name="connsiteX62" fmla="*/ 1156698 w 9143999"/>
                <a:gd name="connsiteY62" fmla="*/ 2565148 h 6061990"/>
                <a:gd name="connsiteX63" fmla="*/ 1576824 w 9143999"/>
                <a:gd name="connsiteY63" fmla="*/ 2254786 h 6061990"/>
                <a:gd name="connsiteX64" fmla="*/ 2077475 w 9143999"/>
                <a:gd name="connsiteY64" fmla="*/ 2055267 h 6061990"/>
                <a:gd name="connsiteX65" fmla="*/ 2560620 w 9143999"/>
                <a:gd name="connsiteY65" fmla="*/ 1947590 h 6061990"/>
                <a:gd name="connsiteX66" fmla="*/ 3005254 w 9143999"/>
                <a:gd name="connsiteY66" fmla="*/ 1890585 h 6061990"/>
                <a:gd name="connsiteX67" fmla="*/ 3404374 w 9143999"/>
                <a:gd name="connsiteY67" fmla="*/ 1852581 h 6061990"/>
                <a:gd name="connsiteX68" fmla="*/ 3754480 w 9143999"/>
                <a:gd name="connsiteY68" fmla="*/ 1814578 h 6061990"/>
                <a:gd name="connsiteX69" fmla="*/ 4006556 w 9143999"/>
                <a:gd name="connsiteY69" fmla="*/ 1763907 h 6061990"/>
                <a:gd name="connsiteX70" fmla="*/ 4083579 w 9143999"/>
                <a:gd name="connsiteY70" fmla="*/ 1738571 h 6061990"/>
                <a:gd name="connsiteX71" fmla="*/ 4136095 w 9143999"/>
                <a:gd name="connsiteY71" fmla="*/ 1713235 h 6061990"/>
                <a:gd name="connsiteX72" fmla="*/ 4178107 w 9143999"/>
                <a:gd name="connsiteY72" fmla="*/ 1672065 h 6061990"/>
                <a:gd name="connsiteX73" fmla="*/ 4209617 w 9143999"/>
                <a:gd name="connsiteY73" fmla="*/ 1605558 h 6061990"/>
                <a:gd name="connsiteX74" fmla="*/ 4227122 w 9143999"/>
                <a:gd name="connsiteY74" fmla="*/ 1513716 h 6061990"/>
                <a:gd name="connsiteX75" fmla="*/ 4227122 w 9143999"/>
                <a:gd name="connsiteY75" fmla="*/ 1505403 h 6061990"/>
                <a:gd name="connsiteX76" fmla="*/ 4227122 w 9143999"/>
                <a:gd name="connsiteY76" fmla="*/ 1495902 h 6061990"/>
                <a:gd name="connsiteX77" fmla="*/ 4227122 w 9143999"/>
                <a:gd name="connsiteY77" fmla="*/ 1482047 h 6061990"/>
                <a:gd name="connsiteX78" fmla="*/ 4223621 w 9143999"/>
                <a:gd name="connsiteY78" fmla="*/ 1463045 h 6061990"/>
                <a:gd name="connsiteX79" fmla="*/ 4192112 w 9143999"/>
                <a:gd name="connsiteY79" fmla="*/ 1409207 h 6061990"/>
                <a:gd name="connsiteX80" fmla="*/ 4118589 w 9143999"/>
                <a:gd name="connsiteY80" fmla="*/ 1342700 h 6061990"/>
                <a:gd name="connsiteX81" fmla="*/ 3884019 w 9143999"/>
                <a:gd name="connsiteY81" fmla="*/ 1203354 h 6061990"/>
                <a:gd name="connsiteX82" fmla="*/ 3582928 w 9143999"/>
                <a:gd name="connsiteY82" fmla="*/ 1076675 h 6061990"/>
                <a:gd name="connsiteX83" fmla="*/ 3253829 w 9143999"/>
                <a:gd name="connsiteY83" fmla="*/ 965832 h 6061990"/>
                <a:gd name="connsiteX84" fmla="*/ 2543115 w 9143999"/>
                <a:gd name="connsiteY84" fmla="*/ 772647 h 6061990"/>
                <a:gd name="connsiteX85" fmla="*/ 1041163 w 9143999"/>
                <a:gd name="connsiteY85" fmla="*/ 468619 h 6061990"/>
                <a:gd name="connsiteX86" fmla="*/ 0 w 9143999"/>
                <a:gd name="connsiteY86" fmla="*/ 304674 h 6061990"/>
                <a:gd name="connsiteX87" fmla="*/ 0 w 9143999"/>
                <a:gd name="connsiteY87"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06574 w 9143999"/>
                <a:gd name="connsiteY30" fmla="*/ 3341054 h 6061990"/>
                <a:gd name="connsiteX31" fmla="*/ 2445086 w 9143999"/>
                <a:gd name="connsiteY31" fmla="*/ 3470900 h 6061990"/>
                <a:gd name="connsiteX32" fmla="*/ 2529111 w 9143999"/>
                <a:gd name="connsiteY32" fmla="*/ 3575409 h 6061990"/>
                <a:gd name="connsiteX33" fmla="*/ 2886218 w 9143999"/>
                <a:gd name="connsiteY33" fmla="*/ 3828766 h 6061990"/>
                <a:gd name="connsiteX34" fmla="*/ 3414877 w 9143999"/>
                <a:gd name="connsiteY34" fmla="*/ 4075790 h 6061990"/>
                <a:gd name="connsiteX35" fmla="*/ 4034564 w 9143999"/>
                <a:gd name="connsiteY35" fmla="*/ 4294310 h 6061990"/>
                <a:gd name="connsiteX36" fmla="*/ 4706767 w 9143999"/>
                <a:gd name="connsiteY36" fmla="*/ 4487495 h 6061990"/>
                <a:gd name="connsiteX37" fmla="*/ 6128195 w 9143999"/>
                <a:gd name="connsiteY37" fmla="*/ 4810525 h 6061990"/>
                <a:gd name="connsiteX38" fmla="*/ 7609141 w 9143999"/>
                <a:gd name="connsiteY38" fmla="*/ 5070216 h 6061990"/>
                <a:gd name="connsiteX39" fmla="*/ 9118095 w 9143999"/>
                <a:gd name="connsiteY39" fmla="*/ 5285570 h 6061990"/>
                <a:gd name="connsiteX40" fmla="*/ 9143999 w 9143999"/>
                <a:gd name="connsiteY40" fmla="*/ 5288702 h 6061990"/>
                <a:gd name="connsiteX41" fmla="*/ 9143999 w 9143999"/>
                <a:gd name="connsiteY41" fmla="*/ 6061990 h 6061990"/>
                <a:gd name="connsiteX42" fmla="*/ 4752032 w 9143999"/>
                <a:gd name="connsiteY42" fmla="*/ 6061990 h 6061990"/>
                <a:gd name="connsiteX43" fmla="*/ 3828002 w 9143999"/>
                <a:gd name="connsiteY43" fmla="*/ 5760614 h 6061990"/>
                <a:gd name="connsiteX44" fmla="*/ 3071774 w 9143999"/>
                <a:gd name="connsiteY44" fmla="*/ 5475587 h 6061990"/>
                <a:gd name="connsiteX45" fmla="*/ 2329551 w 9143999"/>
                <a:gd name="connsiteY45" fmla="*/ 5136722 h 6061990"/>
                <a:gd name="connsiteX46" fmla="*/ 1615336 w 9143999"/>
                <a:gd name="connsiteY46" fmla="*/ 4712349 h 6061990"/>
                <a:gd name="connsiteX47" fmla="*/ 1282736 w 9143999"/>
                <a:gd name="connsiteY47" fmla="*/ 4446324 h 6061990"/>
                <a:gd name="connsiteX48" fmla="*/ 992148 w 9143999"/>
                <a:gd name="connsiteY48" fmla="*/ 4123294 h 6061990"/>
                <a:gd name="connsiteX49" fmla="*/ 792588 w 9143999"/>
                <a:gd name="connsiteY49" fmla="*/ 3733758 h 6061990"/>
                <a:gd name="connsiteX50" fmla="*/ 761078 w 9143999"/>
                <a:gd name="connsiteY50" fmla="*/ 3296717 h 6061990"/>
                <a:gd name="connsiteX51" fmla="*/ 764579 w 9143999"/>
                <a:gd name="connsiteY51" fmla="*/ 3271381 h 6061990"/>
                <a:gd name="connsiteX52" fmla="*/ 767643 w 9143999"/>
                <a:gd name="connsiteY52" fmla="*/ 3257526 h 6061990"/>
                <a:gd name="connsiteX53" fmla="*/ 771582 w 9143999"/>
                <a:gd name="connsiteY53" fmla="*/ 3242878 h 6061990"/>
                <a:gd name="connsiteX54" fmla="*/ 774645 w 9143999"/>
                <a:gd name="connsiteY54" fmla="*/ 3234565 h 6061990"/>
                <a:gd name="connsiteX55" fmla="*/ 775083 w 9143999"/>
                <a:gd name="connsiteY55" fmla="*/ 3226251 h 6061990"/>
                <a:gd name="connsiteX56" fmla="*/ 775083 w 9143999"/>
                <a:gd name="connsiteY56" fmla="*/ 3223876 h 6061990"/>
                <a:gd name="connsiteX57" fmla="*/ 778146 w 9143999"/>
                <a:gd name="connsiteY57" fmla="*/ 3218334 h 6061990"/>
                <a:gd name="connsiteX58" fmla="*/ 782085 w 9143999"/>
                <a:gd name="connsiteY58" fmla="*/ 3195374 h 6061990"/>
                <a:gd name="connsiteX59" fmla="*/ 813594 w 9143999"/>
                <a:gd name="connsiteY59" fmla="*/ 3106699 h 6061990"/>
                <a:gd name="connsiteX60" fmla="*/ 890617 w 9143999"/>
                <a:gd name="connsiteY60" fmla="*/ 2926182 h 6061990"/>
                <a:gd name="connsiteX61" fmla="*/ 1156698 w 9143999"/>
                <a:gd name="connsiteY61" fmla="*/ 2565148 h 6061990"/>
                <a:gd name="connsiteX62" fmla="*/ 1576824 w 9143999"/>
                <a:gd name="connsiteY62" fmla="*/ 2254786 h 6061990"/>
                <a:gd name="connsiteX63" fmla="*/ 2077475 w 9143999"/>
                <a:gd name="connsiteY63" fmla="*/ 2055267 h 6061990"/>
                <a:gd name="connsiteX64" fmla="*/ 2560620 w 9143999"/>
                <a:gd name="connsiteY64" fmla="*/ 1947590 h 6061990"/>
                <a:gd name="connsiteX65" fmla="*/ 3005254 w 9143999"/>
                <a:gd name="connsiteY65" fmla="*/ 1890585 h 6061990"/>
                <a:gd name="connsiteX66" fmla="*/ 3404374 w 9143999"/>
                <a:gd name="connsiteY66" fmla="*/ 1852581 h 6061990"/>
                <a:gd name="connsiteX67" fmla="*/ 3754480 w 9143999"/>
                <a:gd name="connsiteY67" fmla="*/ 1814578 h 6061990"/>
                <a:gd name="connsiteX68" fmla="*/ 4006556 w 9143999"/>
                <a:gd name="connsiteY68" fmla="*/ 1763907 h 6061990"/>
                <a:gd name="connsiteX69" fmla="*/ 4083579 w 9143999"/>
                <a:gd name="connsiteY69" fmla="*/ 1738571 h 6061990"/>
                <a:gd name="connsiteX70" fmla="*/ 4136095 w 9143999"/>
                <a:gd name="connsiteY70" fmla="*/ 1713235 h 6061990"/>
                <a:gd name="connsiteX71" fmla="*/ 4178107 w 9143999"/>
                <a:gd name="connsiteY71" fmla="*/ 1672065 h 6061990"/>
                <a:gd name="connsiteX72" fmla="*/ 4209617 w 9143999"/>
                <a:gd name="connsiteY72" fmla="*/ 1605558 h 6061990"/>
                <a:gd name="connsiteX73" fmla="*/ 4227122 w 9143999"/>
                <a:gd name="connsiteY73" fmla="*/ 1513716 h 6061990"/>
                <a:gd name="connsiteX74" fmla="*/ 4227122 w 9143999"/>
                <a:gd name="connsiteY74" fmla="*/ 1505403 h 6061990"/>
                <a:gd name="connsiteX75" fmla="*/ 4227122 w 9143999"/>
                <a:gd name="connsiteY75" fmla="*/ 1495902 h 6061990"/>
                <a:gd name="connsiteX76" fmla="*/ 4227122 w 9143999"/>
                <a:gd name="connsiteY76" fmla="*/ 1482047 h 6061990"/>
                <a:gd name="connsiteX77" fmla="*/ 4223621 w 9143999"/>
                <a:gd name="connsiteY77" fmla="*/ 1463045 h 6061990"/>
                <a:gd name="connsiteX78" fmla="*/ 4192112 w 9143999"/>
                <a:gd name="connsiteY78" fmla="*/ 1409207 h 6061990"/>
                <a:gd name="connsiteX79" fmla="*/ 4118589 w 9143999"/>
                <a:gd name="connsiteY79" fmla="*/ 1342700 h 6061990"/>
                <a:gd name="connsiteX80" fmla="*/ 3884019 w 9143999"/>
                <a:gd name="connsiteY80" fmla="*/ 1203354 h 6061990"/>
                <a:gd name="connsiteX81" fmla="*/ 3582928 w 9143999"/>
                <a:gd name="connsiteY81" fmla="*/ 1076675 h 6061990"/>
                <a:gd name="connsiteX82" fmla="*/ 3253829 w 9143999"/>
                <a:gd name="connsiteY82" fmla="*/ 965832 h 6061990"/>
                <a:gd name="connsiteX83" fmla="*/ 2543115 w 9143999"/>
                <a:gd name="connsiteY83" fmla="*/ 772647 h 6061990"/>
                <a:gd name="connsiteX84" fmla="*/ 1041163 w 9143999"/>
                <a:gd name="connsiteY84" fmla="*/ 468619 h 6061990"/>
                <a:gd name="connsiteX85" fmla="*/ 0 w 9143999"/>
                <a:gd name="connsiteY85" fmla="*/ 304674 h 6061990"/>
                <a:gd name="connsiteX86" fmla="*/ 0 w 9143999"/>
                <a:gd name="connsiteY86"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45086 w 9143999"/>
                <a:gd name="connsiteY30" fmla="*/ 3470900 h 6061990"/>
                <a:gd name="connsiteX31" fmla="*/ 2529111 w 9143999"/>
                <a:gd name="connsiteY31" fmla="*/ 3575409 h 6061990"/>
                <a:gd name="connsiteX32" fmla="*/ 2886218 w 9143999"/>
                <a:gd name="connsiteY32" fmla="*/ 3828766 h 6061990"/>
                <a:gd name="connsiteX33" fmla="*/ 3414877 w 9143999"/>
                <a:gd name="connsiteY33" fmla="*/ 4075790 h 6061990"/>
                <a:gd name="connsiteX34" fmla="*/ 4034564 w 9143999"/>
                <a:gd name="connsiteY34" fmla="*/ 4294310 h 6061990"/>
                <a:gd name="connsiteX35" fmla="*/ 4706767 w 9143999"/>
                <a:gd name="connsiteY35" fmla="*/ 4487495 h 6061990"/>
                <a:gd name="connsiteX36" fmla="*/ 6128195 w 9143999"/>
                <a:gd name="connsiteY36" fmla="*/ 4810525 h 6061990"/>
                <a:gd name="connsiteX37" fmla="*/ 7609141 w 9143999"/>
                <a:gd name="connsiteY37" fmla="*/ 5070216 h 6061990"/>
                <a:gd name="connsiteX38" fmla="*/ 9118095 w 9143999"/>
                <a:gd name="connsiteY38" fmla="*/ 5285570 h 6061990"/>
                <a:gd name="connsiteX39" fmla="*/ 9143999 w 9143999"/>
                <a:gd name="connsiteY39" fmla="*/ 5288702 h 6061990"/>
                <a:gd name="connsiteX40" fmla="*/ 9143999 w 9143999"/>
                <a:gd name="connsiteY40" fmla="*/ 6061990 h 6061990"/>
                <a:gd name="connsiteX41" fmla="*/ 4752032 w 9143999"/>
                <a:gd name="connsiteY41" fmla="*/ 6061990 h 6061990"/>
                <a:gd name="connsiteX42" fmla="*/ 3828002 w 9143999"/>
                <a:gd name="connsiteY42" fmla="*/ 5760614 h 6061990"/>
                <a:gd name="connsiteX43" fmla="*/ 3071774 w 9143999"/>
                <a:gd name="connsiteY43" fmla="*/ 5475587 h 6061990"/>
                <a:gd name="connsiteX44" fmla="*/ 2329551 w 9143999"/>
                <a:gd name="connsiteY44" fmla="*/ 5136722 h 6061990"/>
                <a:gd name="connsiteX45" fmla="*/ 1615336 w 9143999"/>
                <a:gd name="connsiteY45" fmla="*/ 4712349 h 6061990"/>
                <a:gd name="connsiteX46" fmla="*/ 1282736 w 9143999"/>
                <a:gd name="connsiteY46" fmla="*/ 4446324 h 6061990"/>
                <a:gd name="connsiteX47" fmla="*/ 992148 w 9143999"/>
                <a:gd name="connsiteY47" fmla="*/ 4123294 h 6061990"/>
                <a:gd name="connsiteX48" fmla="*/ 792588 w 9143999"/>
                <a:gd name="connsiteY48" fmla="*/ 3733758 h 6061990"/>
                <a:gd name="connsiteX49" fmla="*/ 761078 w 9143999"/>
                <a:gd name="connsiteY49" fmla="*/ 3296717 h 6061990"/>
                <a:gd name="connsiteX50" fmla="*/ 764579 w 9143999"/>
                <a:gd name="connsiteY50" fmla="*/ 3271381 h 6061990"/>
                <a:gd name="connsiteX51" fmla="*/ 767643 w 9143999"/>
                <a:gd name="connsiteY51" fmla="*/ 3257526 h 6061990"/>
                <a:gd name="connsiteX52" fmla="*/ 771582 w 9143999"/>
                <a:gd name="connsiteY52" fmla="*/ 3242878 h 6061990"/>
                <a:gd name="connsiteX53" fmla="*/ 774645 w 9143999"/>
                <a:gd name="connsiteY53" fmla="*/ 3234565 h 6061990"/>
                <a:gd name="connsiteX54" fmla="*/ 775083 w 9143999"/>
                <a:gd name="connsiteY54" fmla="*/ 3226251 h 6061990"/>
                <a:gd name="connsiteX55" fmla="*/ 775083 w 9143999"/>
                <a:gd name="connsiteY55" fmla="*/ 3223876 h 6061990"/>
                <a:gd name="connsiteX56" fmla="*/ 778146 w 9143999"/>
                <a:gd name="connsiteY56" fmla="*/ 3218334 h 6061990"/>
                <a:gd name="connsiteX57" fmla="*/ 782085 w 9143999"/>
                <a:gd name="connsiteY57" fmla="*/ 3195374 h 6061990"/>
                <a:gd name="connsiteX58" fmla="*/ 813594 w 9143999"/>
                <a:gd name="connsiteY58" fmla="*/ 3106699 h 6061990"/>
                <a:gd name="connsiteX59" fmla="*/ 890617 w 9143999"/>
                <a:gd name="connsiteY59" fmla="*/ 2926182 h 6061990"/>
                <a:gd name="connsiteX60" fmla="*/ 1156698 w 9143999"/>
                <a:gd name="connsiteY60" fmla="*/ 2565148 h 6061990"/>
                <a:gd name="connsiteX61" fmla="*/ 1576824 w 9143999"/>
                <a:gd name="connsiteY61" fmla="*/ 2254786 h 6061990"/>
                <a:gd name="connsiteX62" fmla="*/ 2077475 w 9143999"/>
                <a:gd name="connsiteY62" fmla="*/ 2055267 h 6061990"/>
                <a:gd name="connsiteX63" fmla="*/ 2560620 w 9143999"/>
                <a:gd name="connsiteY63" fmla="*/ 1947590 h 6061990"/>
                <a:gd name="connsiteX64" fmla="*/ 3005254 w 9143999"/>
                <a:gd name="connsiteY64" fmla="*/ 1890585 h 6061990"/>
                <a:gd name="connsiteX65" fmla="*/ 3404374 w 9143999"/>
                <a:gd name="connsiteY65" fmla="*/ 1852581 h 6061990"/>
                <a:gd name="connsiteX66" fmla="*/ 3754480 w 9143999"/>
                <a:gd name="connsiteY66" fmla="*/ 1814578 h 6061990"/>
                <a:gd name="connsiteX67" fmla="*/ 4006556 w 9143999"/>
                <a:gd name="connsiteY67" fmla="*/ 1763907 h 6061990"/>
                <a:gd name="connsiteX68" fmla="*/ 4083579 w 9143999"/>
                <a:gd name="connsiteY68" fmla="*/ 1738571 h 6061990"/>
                <a:gd name="connsiteX69" fmla="*/ 4136095 w 9143999"/>
                <a:gd name="connsiteY69" fmla="*/ 1713235 h 6061990"/>
                <a:gd name="connsiteX70" fmla="*/ 4178107 w 9143999"/>
                <a:gd name="connsiteY70" fmla="*/ 1672065 h 6061990"/>
                <a:gd name="connsiteX71" fmla="*/ 4209617 w 9143999"/>
                <a:gd name="connsiteY71" fmla="*/ 1605558 h 6061990"/>
                <a:gd name="connsiteX72" fmla="*/ 4227122 w 9143999"/>
                <a:gd name="connsiteY72" fmla="*/ 1513716 h 6061990"/>
                <a:gd name="connsiteX73" fmla="*/ 4227122 w 9143999"/>
                <a:gd name="connsiteY73" fmla="*/ 1505403 h 6061990"/>
                <a:gd name="connsiteX74" fmla="*/ 4227122 w 9143999"/>
                <a:gd name="connsiteY74" fmla="*/ 1495902 h 6061990"/>
                <a:gd name="connsiteX75" fmla="*/ 4227122 w 9143999"/>
                <a:gd name="connsiteY75" fmla="*/ 1482047 h 6061990"/>
                <a:gd name="connsiteX76" fmla="*/ 4223621 w 9143999"/>
                <a:gd name="connsiteY76" fmla="*/ 1463045 h 6061990"/>
                <a:gd name="connsiteX77" fmla="*/ 4192112 w 9143999"/>
                <a:gd name="connsiteY77" fmla="*/ 1409207 h 6061990"/>
                <a:gd name="connsiteX78" fmla="*/ 4118589 w 9143999"/>
                <a:gd name="connsiteY78" fmla="*/ 1342700 h 6061990"/>
                <a:gd name="connsiteX79" fmla="*/ 3884019 w 9143999"/>
                <a:gd name="connsiteY79" fmla="*/ 1203354 h 6061990"/>
                <a:gd name="connsiteX80" fmla="*/ 3582928 w 9143999"/>
                <a:gd name="connsiteY80" fmla="*/ 1076675 h 6061990"/>
                <a:gd name="connsiteX81" fmla="*/ 3253829 w 9143999"/>
                <a:gd name="connsiteY81" fmla="*/ 965832 h 6061990"/>
                <a:gd name="connsiteX82" fmla="*/ 2543115 w 9143999"/>
                <a:gd name="connsiteY82" fmla="*/ 772647 h 6061990"/>
                <a:gd name="connsiteX83" fmla="*/ 1041163 w 9143999"/>
                <a:gd name="connsiteY83" fmla="*/ 468619 h 6061990"/>
                <a:gd name="connsiteX84" fmla="*/ 0 w 9143999"/>
                <a:gd name="connsiteY84" fmla="*/ 304674 h 6061990"/>
                <a:gd name="connsiteX85" fmla="*/ 0 w 9143999"/>
                <a:gd name="connsiteY85"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10075 w 9143999"/>
                <a:gd name="connsiteY29" fmla="*/ 3296717 h 6061990"/>
                <a:gd name="connsiteX30" fmla="*/ 2445086 w 9143999"/>
                <a:gd name="connsiteY30" fmla="*/ 3470900 h 6061990"/>
                <a:gd name="connsiteX31" fmla="*/ 2529111 w 9143999"/>
                <a:gd name="connsiteY31" fmla="*/ 3575409 h 6061990"/>
                <a:gd name="connsiteX32" fmla="*/ 2886218 w 9143999"/>
                <a:gd name="connsiteY32" fmla="*/ 3828766 h 6061990"/>
                <a:gd name="connsiteX33" fmla="*/ 3414877 w 9143999"/>
                <a:gd name="connsiteY33" fmla="*/ 4075790 h 6061990"/>
                <a:gd name="connsiteX34" fmla="*/ 4034564 w 9143999"/>
                <a:gd name="connsiteY34" fmla="*/ 4294310 h 6061990"/>
                <a:gd name="connsiteX35" fmla="*/ 4706767 w 9143999"/>
                <a:gd name="connsiteY35" fmla="*/ 4487495 h 6061990"/>
                <a:gd name="connsiteX36" fmla="*/ 6128195 w 9143999"/>
                <a:gd name="connsiteY36" fmla="*/ 4810525 h 6061990"/>
                <a:gd name="connsiteX37" fmla="*/ 7609141 w 9143999"/>
                <a:gd name="connsiteY37" fmla="*/ 5070216 h 6061990"/>
                <a:gd name="connsiteX38" fmla="*/ 9118095 w 9143999"/>
                <a:gd name="connsiteY38" fmla="*/ 5285570 h 6061990"/>
                <a:gd name="connsiteX39" fmla="*/ 9143999 w 9143999"/>
                <a:gd name="connsiteY39" fmla="*/ 5288702 h 6061990"/>
                <a:gd name="connsiteX40" fmla="*/ 9143999 w 9143999"/>
                <a:gd name="connsiteY40" fmla="*/ 6061990 h 6061990"/>
                <a:gd name="connsiteX41" fmla="*/ 4752032 w 9143999"/>
                <a:gd name="connsiteY41" fmla="*/ 6061990 h 6061990"/>
                <a:gd name="connsiteX42" fmla="*/ 3828002 w 9143999"/>
                <a:gd name="connsiteY42" fmla="*/ 5760614 h 6061990"/>
                <a:gd name="connsiteX43" fmla="*/ 3071774 w 9143999"/>
                <a:gd name="connsiteY43" fmla="*/ 5475587 h 6061990"/>
                <a:gd name="connsiteX44" fmla="*/ 2329551 w 9143999"/>
                <a:gd name="connsiteY44" fmla="*/ 5136722 h 6061990"/>
                <a:gd name="connsiteX45" fmla="*/ 1615336 w 9143999"/>
                <a:gd name="connsiteY45" fmla="*/ 4712349 h 6061990"/>
                <a:gd name="connsiteX46" fmla="*/ 1282736 w 9143999"/>
                <a:gd name="connsiteY46" fmla="*/ 4446324 h 6061990"/>
                <a:gd name="connsiteX47" fmla="*/ 992148 w 9143999"/>
                <a:gd name="connsiteY47" fmla="*/ 4123294 h 6061990"/>
                <a:gd name="connsiteX48" fmla="*/ 792588 w 9143999"/>
                <a:gd name="connsiteY48" fmla="*/ 3733758 h 6061990"/>
                <a:gd name="connsiteX49" fmla="*/ 761078 w 9143999"/>
                <a:gd name="connsiteY49" fmla="*/ 3296717 h 6061990"/>
                <a:gd name="connsiteX50" fmla="*/ 764579 w 9143999"/>
                <a:gd name="connsiteY50" fmla="*/ 3271381 h 6061990"/>
                <a:gd name="connsiteX51" fmla="*/ 767643 w 9143999"/>
                <a:gd name="connsiteY51" fmla="*/ 3257526 h 6061990"/>
                <a:gd name="connsiteX52" fmla="*/ 771582 w 9143999"/>
                <a:gd name="connsiteY52" fmla="*/ 3242878 h 6061990"/>
                <a:gd name="connsiteX53" fmla="*/ 774645 w 9143999"/>
                <a:gd name="connsiteY53" fmla="*/ 3234565 h 6061990"/>
                <a:gd name="connsiteX54" fmla="*/ 775083 w 9143999"/>
                <a:gd name="connsiteY54" fmla="*/ 3226251 h 6061990"/>
                <a:gd name="connsiteX55" fmla="*/ 775083 w 9143999"/>
                <a:gd name="connsiteY55" fmla="*/ 3223876 h 6061990"/>
                <a:gd name="connsiteX56" fmla="*/ 778146 w 9143999"/>
                <a:gd name="connsiteY56" fmla="*/ 3218334 h 6061990"/>
                <a:gd name="connsiteX57" fmla="*/ 782085 w 9143999"/>
                <a:gd name="connsiteY57" fmla="*/ 3195374 h 6061990"/>
                <a:gd name="connsiteX58" fmla="*/ 813594 w 9143999"/>
                <a:gd name="connsiteY58" fmla="*/ 3106699 h 6061990"/>
                <a:gd name="connsiteX59" fmla="*/ 890617 w 9143999"/>
                <a:gd name="connsiteY59" fmla="*/ 2926182 h 6061990"/>
                <a:gd name="connsiteX60" fmla="*/ 1156698 w 9143999"/>
                <a:gd name="connsiteY60" fmla="*/ 2565148 h 6061990"/>
                <a:gd name="connsiteX61" fmla="*/ 1576824 w 9143999"/>
                <a:gd name="connsiteY61" fmla="*/ 2254786 h 6061990"/>
                <a:gd name="connsiteX62" fmla="*/ 2077475 w 9143999"/>
                <a:gd name="connsiteY62" fmla="*/ 2055267 h 6061990"/>
                <a:gd name="connsiteX63" fmla="*/ 2560620 w 9143999"/>
                <a:gd name="connsiteY63" fmla="*/ 1947590 h 6061990"/>
                <a:gd name="connsiteX64" fmla="*/ 3005254 w 9143999"/>
                <a:gd name="connsiteY64" fmla="*/ 1890585 h 6061990"/>
                <a:gd name="connsiteX65" fmla="*/ 3404374 w 9143999"/>
                <a:gd name="connsiteY65" fmla="*/ 1852581 h 6061990"/>
                <a:gd name="connsiteX66" fmla="*/ 3754480 w 9143999"/>
                <a:gd name="connsiteY66" fmla="*/ 1814578 h 6061990"/>
                <a:gd name="connsiteX67" fmla="*/ 4006556 w 9143999"/>
                <a:gd name="connsiteY67" fmla="*/ 1763907 h 6061990"/>
                <a:gd name="connsiteX68" fmla="*/ 4083579 w 9143999"/>
                <a:gd name="connsiteY68" fmla="*/ 1738571 h 6061990"/>
                <a:gd name="connsiteX69" fmla="*/ 4136095 w 9143999"/>
                <a:gd name="connsiteY69" fmla="*/ 1713235 h 6061990"/>
                <a:gd name="connsiteX70" fmla="*/ 4178107 w 9143999"/>
                <a:gd name="connsiteY70" fmla="*/ 1672065 h 6061990"/>
                <a:gd name="connsiteX71" fmla="*/ 4209617 w 9143999"/>
                <a:gd name="connsiteY71" fmla="*/ 1605558 h 6061990"/>
                <a:gd name="connsiteX72" fmla="*/ 4227122 w 9143999"/>
                <a:gd name="connsiteY72" fmla="*/ 1513716 h 6061990"/>
                <a:gd name="connsiteX73" fmla="*/ 4227122 w 9143999"/>
                <a:gd name="connsiteY73" fmla="*/ 1505403 h 6061990"/>
                <a:gd name="connsiteX74" fmla="*/ 4227122 w 9143999"/>
                <a:gd name="connsiteY74" fmla="*/ 1495902 h 6061990"/>
                <a:gd name="connsiteX75" fmla="*/ 4227122 w 9143999"/>
                <a:gd name="connsiteY75" fmla="*/ 1482047 h 6061990"/>
                <a:gd name="connsiteX76" fmla="*/ 4223621 w 9143999"/>
                <a:gd name="connsiteY76" fmla="*/ 1463045 h 6061990"/>
                <a:gd name="connsiteX77" fmla="*/ 4192112 w 9143999"/>
                <a:gd name="connsiteY77" fmla="*/ 1409207 h 6061990"/>
                <a:gd name="connsiteX78" fmla="*/ 4118589 w 9143999"/>
                <a:gd name="connsiteY78" fmla="*/ 1342700 h 6061990"/>
                <a:gd name="connsiteX79" fmla="*/ 3884019 w 9143999"/>
                <a:gd name="connsiteY79" fmla="*/ 1203354 h 6061990"/>
                <a:gd name="connsiteX80" fmla="*/ 3582928 w 9143999"/>
                <a:gd name="connsiteY80" fmla="*/ 1076675 h 6061990"/>
                <a:gd name="connsiteX81" fmla="*/ 3253829 w 9143999"/>
                <a:gd name="connsiteY81" fmla="*/ 965832 h 6061990"/>
                <a:gd name="connsiteX82" fmla="*/ 2543115 w 9143999"/>
                <a:gd name="connsiteY82" fmla="*/ 772647 h 6061990"/>
                <a:gd name="connsiteX83" fmla="*/ 1041163 w 9143999"/>
                <a:gd name="connsiteY83" fmla="*/ 468619 h 6061990"/>
                <a:gd name="connsiteX84" fmla="*/ 0 w 9143999"/>
                <a:gd name="connsiteY84" fmla="*/ 304674 h 6061990"/>
                <a:gd name="connsiteX85" fmla="*/ 0 w 9143999"/>
                <a:gd name="connsiteY85"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45086 w 9143999"/>
                <a:gd name="connsiteY29" fmla="*/ 3470900 h 6061990"/>
                <a:gd name="connsiteX30" fmla="*/ 2529111 w 9143999"/>
                <a:gd name="connsiteY30" fmla="*/ 3575409 h 6061990"/>
                <a:gd name="connsiteX31" fmla="*/ 2886218 w 9143999"/>
                <a:gd name="connsiteY31" fmla="*/ 3828766 h 6061990"/>
                <a:gd name="connsiteX32" fmla="*/ 3414877 w 9143999"/>
                <a:gd name="connsiteY32" fmla="*/ 4075790 h 6061990"/>
                <a:gd name="connsiteX33" fmla="*/ 4034564 w 9143999"/>
                <a:gd name="connsiteY33" fmla="*/ 4294310 h 6061990"/>
                <a:gd name="connsiteX34" fmla="*/ 4706767 w 9143999"/>
                <a:gd name="connsiteY34" fmla="*/ 4487495 h 6061990"/>
                <a:gd name="connsiteX35" fmla="*/ 6128195 w 9143999"/>
                <a:gd name="connsiteY35" fmla="*/ 4810525 h 6061990"/>
                <a:gd name="connsiteX36" fmla="*/ 7609141 w 9143999"/>
                <a:gd name="connsiteY36" fmla="*/ 5070216 h 6061990"/>
                <a:gd name="connsiteX37" fmla="*/ 9118095 w 9143999"/>
                <a:gd name="connsiteY37" fmla="*/ 5285570 h 6061990"/>
                <a:gd name="connsiteX38" fmla="*/ 9143999 w 9143999"/>
                <a:gd name="connsiteY38" fmla="*/ 5288702 h 6061990"/>
                <a:gd name="connsiteX39" fmla="*/ 9143999 w 9143999"/>
                <a:gd name="connsiteY39" fmla="*/ 6061990 h 6061990"/>
                <a:gd name="connsiteX40" fmla="*/ 4752032 w 9143999"/>
                <a:gd name="connsiteY40" fmla="*/ 6061990 h 6061990"/>
                <a:gd name="connsiteX41" fmla="*/ 3828002 w 9143999"/>
                <a:gd name="connsiteY41" fmla="*/ 5760614 h 6061990"/>
                <a:gd name="connsiteX42" fmla="*/ 3071774 w 9143999"/>
                <a:gd name="connsiteY42" fmla="*/ 5475587 h 6061990"/>
                <a:gd name="connsiteX43" fmla="*/ 2329551 w 9143999"/>
                <a:gd name="connsiteY43" fmla="*/ 5136722 h 6061990"/>
                <a:gd name="connsiteX44" fmla="*/ 1615336 w 9143999"/>
                <a:gd name="connsiteY44" fmla="*/ 4712349 h 6061990"/>
                <a:gd name="connsiteX45" fmla="*/ 1282736 w 9143999"/>
                <a:gd name="connsiteY45" fmla="*/ 4446324 h 6061990"/>
                <a:gd name="connsiteX46" fmla="*/ 992148 w 9143999"/>
                <a:gd name="connsiteY46" fmla="*/ 4123294 h 6061990"/>
                <a:gd name="connsiteX47" fmla="*/ 792588 w 9143999"/>
                <a:gd name="connsiteY47" fmla="*/ 3733758 h 6061990"/>
                <a:gd name="connsiteX48" fmla="*/ 761078 w 9143999"/>
                <a:gd name="connsiteY48" fmla="*/ 3296717 h 6061990"/>
                <a:gd name="connsiteX49" fmla="*/ 764579 w 9143999"/>
                <a:gd name="connsiteY49" fmla="*/ 3271381 h 6061990"/>
                <a:gd name="connsiteX50" fmla="*/ 767643 w 9143999"/>
                <a:gd name="connsiteY50" fmla="*/ 3257526 h 6061990"/>
                <a:gd name="connsiteX51" fmla="*/ 771582 w 9143999"/>
                <a:gd name="connsiteY51" fmla="*/ 3242878 h 6061990"/>
                <a:gd name="connsiteX52" fmla="*/ 774645 w 9143999"/>
                <a:gd name="connsiteY52" fmla="*/ 3234565 h 6061990"/>
                <a:gd name="connsiteX53" fmla="*/ 775083 w 9143999"/>
                <a:gd name="connsiteY53" fmla="*/ 3226251 h 6061990"/>
                <a:gd name="connsiteX54" fmla="*/ 775083 w 9143999"/>
                <a:gd name="connsiteY54" fmla="*/ 3223876 h 6061990"/>
                <a:gd name="connsiteX55" fmla="*/ 778146 w 9143999"/>
                <a:gd name="connsiteY55" fmla="*/ 3218334 h 6061990"/>
                <a:gd name="connsiteX56" fmla="*/ 782085 w 9143999"/>
                <a:gd name="connsiteY56" fmla="*/ 3195374 h 6061990"/>
                <a:gd name="connsiteX57" fmla="*/ 813594 w 9143999"/>
                <a:gd name="connsiteY57" fmla="*/ 3106699 h 6061990"/>
                <a:gd name="connsiteX58" fmla="*/ 890617 w 9143999"/>
                <a:gd name="connsiteY58" fmla="*/ 2926182 h 6061990"/>
                <a:gd name="connsiteX59" fmla="*/ 1156698 w 9143999"/>
                <a:gd name="connsiteY59" fmla="*/ 2565148 h 6061990"/>
                <a:gd name="connsiteX60" fmla="*/ 1576824 w 9143999"/>
                <a:gd name="connsiteY60" fmla="*/ 2254786 h 6061990"/>
                <a:gd name="connsiteX61" fmla="*/ 2077475 w 9143999"/>
                <a:gd name="connsiteY61" fmla="*/ 2055267 h 6061990"/>
                <a:gd name="connsiteX62" fmla="*/ 2560620 w 9143999"/>
                <a:gd name="connsiteY62" fmla="*/ 1947590 h 6061990"/>
                <a:gd name="connsiteX63" fmla="*/ 3005254 w 9143999"/>
                <a:gd name="connsiteY63" fmla="*/ 1890585 h 6061990"/>
                <a:gd name="connsiteX64" fmla="*/ 3404374 w 9143999"/>
                <a:gd name="connsiteY64" fmla="*/ 1852581 h 6061990"/>
                <a:gd name="connsiteX65" fmla="*/ 3754480 w 9143999"/>
                <a:gd name="connsiteY65" fmla="*/ 1814578 h 6061990"/>
                <a:gd name="connsiteX66" fmla="*/ 4006556 w 9143999"/>
                <a:gd name="connsiteY66" fmla="*/ 1763907 h 6061990"/>
                <a:gd name="connsiteX67" fmla="*/ 4083579 w 9143999"/>
                <a:gd name="connsiteY67" fmla="*/ 1738571 h 6061990"/>
                <a:gd name="connsiteX68" fmla="*/ 4136095 w 9143999"/>
                <a:gd name="connsiteY68" fmla="*/ 1713235 h 6061990"/>
                <a:gd name="connsiteX69" fmla="*/ 4178107 w 9143999"/>
                <a:gd name="connsiteY69" fmla="*/ 1672065 h 6061990"/>
                <a:gd name="connsiteX70" fmla="*/ 4209617 w 9143999"/>
                <a:gd name="connsiteY70" fmla="*/ 1605558 h 6061990"/>
                <a:gd name="connsiteX71" fmla="*/ 4227122 w 9143999"/>
                <a:gd name="connsiteY71" fmla="*/ 1513716 h 6061990"/>
                <a:gd name="connsiteX72" fmla="*/ 4227122 w 9143999"/>
                <a:gd name="connsiteY72" fmla="*/ 1505403 h 6061990"/>
                <a:gd name="connsiteX73" fmla="*/ 4227122 w 9143999"/>
                <a:gd name="connsiteY73" fmla="*/ 1495902 h 6061990"/>
                <a:gd name="connsiteX74" fmla="*/ 4227122 w 9143999"/>
                <a:gd name="connsiteY74" fmla="*/ 1482047 h 6061990"/>
                <a:gd name="connsiteX75" fmla="*/ 4223621 w 9143999"/>
                <a:gd name="connsiteY75" fmla="*/ 1463045 h 6061990"/>
                <a:gd name="connsiteX76" fmla="*/ 4192112 w 9143999"/>
                <a:gd name="connsiteY76" fmla="*/ 1409207 h 6061990"/>
                <a:gd name="connsiteX77" fmla="*/ 4118589 w 9143999"/>
                <a:gd name="connsiteY77" fmla="*/ 1342700 h 6061990"/>
                <a:gd name="connsiteX78" fmla="*/ 3884019 w 9143999"/>
                <a:gd name="connsiteY78" fmla="*/ 1203354 h 6061990"/>
                <a:gd name="connsiteX79" fmla="*/ 3582928 w 9143999"/>
                <a:gd name="connsiteY79" fmla="*/ 1076675 h 6061990"/>
                <a:gd name="connsiteX80" fmla="*/ 3253829 w 9143999"/>
                <a:gd name="connsiteY80" fmla="*/ 965832 h 6061990"/>
                <a:gd name="connsiteX81" fmla="*/ 2543115 w 9143999"/>
                <a:gd name="connsiteY81" fmla="*/ 772647 h 6061990"/>
                <a:gd name="connsiteX82" fmla="*/ 1041163 w 9143999"/>
                <a:gd name="connsiteY82" fmla="*/ 468619 h 6061990"/>
                <a:gd name="connsiteX83" fmla="*/ 0 w 9143999"/>
                <a:gd name="connsiteY83" fmla="*/ 304674 h 6061990"/>
                <a:gd name="connsiteX84" fmla="*/ 0 w 9143999"/>
                <a:gd name="connsiteY84"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45086 w 9143999"/>
                <a:gd name="connsiteY29" fmla="*/ 3470900 h 6061990"/>
                <a:gd name="connsiteX30" fmla="*/ 2529111 w 9143999"/>
                <a:gd name="connsiteY30" fmla="*/ 3575409 h 6061990"/>
                <a:gd name="connsiteX31" fmla="*/ 2886218 w 9143999"/>
                <a:gd name="connsiteY31" fmla="*/ 3828766 h 6061990"/>
                <a:gd name="connsiteX32" fmla="*/ 3414877 w 9143999"/>
                <a:gd name="connsiteY32" fmla="*/ 4075790 h 6061990"/>
                <a:gd name="connsiteX33" fmla="*/ 4034564 w 9143999"/>
                <a:gd name="connsiteY33" fmla="*/ 4294310 h 6061990"/>
                <a:gd name="connsiteX34" fmla="*/ 4706767 w 9143999"/>
                <a:gd name="connsiteY34" fmla="*/ 4487495 h 6061990"/>
                <a:gd name="connsiteX35" fmla="*/ 6128195 w 9143999"/>
                <a:gd name="connsiteY35" fmla="*/ 4810525 h 6061990"/>
                <a:gd name="connsiteX36" fmla="*/ 7609141 w 9143999"/>
                <a:gd name="connsiteY36" fmla="*/ 5070216 h 6061990"/>
                <a:gd name="connsiteX37" fmla="*/ 9118095 w 9143999"/>
                <a:gd name="connsiteY37" fmla="*/ 5285570 h 6061990"/>
                <a:gd name="connsiteX38" fmla="*/ 9143999 w 9143999"/>
                <a:gd name="connsiteY38" fmla="*/ 5288702 h 6061990"/>
                <a:gd name="connsiteX39" fmla="*/ 9143999 w 9143999"/>
                <a:gd name="connsiteY39" fmla="*/ 6061990 h 6061990"/>
                <a:gd name="connsiteX40" fmla="*/ 4752032 w 9143999"/>
                <a:gd name="connsiteY40" fmla="*/ 6061990 h 6061990"/>
                <a:gd name="connsiteX41" fmla="*/ 3828002 w 9143999"/>
                <a:gd name="connsiteY41" fmla="*/ 5760614 h 6061990"/>
                <a:gd name="connsiteX42" fmla="*/ 3071774 w 9143999"/>
                <a:gd name="connsiteY42" fmla="*/ 5475587 h 6061990"/>
                <a:gd name="connsiteX43" fmla="*/ 2329551 w 9143999"/>
                <a:gd name="connsiteY43" fmla="*/ 5136722 h 6061990"/>
                <a:gd name="connsiteX44" fmla="*/ 1615336 w 9143999"/>
                <a:gd name="connsiteY44" fmla="*/ 4712349 h 6061990"/>
                <a:gd name="connsiteX45" fmla="*/ 1282736 w 9143999"/>
                <a:gd name="connsiteY45" fmla="*/ 4446324 h 6061990"/>
                <a:gd name="connsiteX46" fmla="*/ 992148 w 9143999"/>
                <a:gd name="connsiteY46" fmla="*/ 4123294 h 6061990"/>
                <a:gd name="connsiteX47" fmla="*/ 792588 w 9143999"/>
                <a:gd name="connsiteY47" fmla="*/ 3733758 h 6061990"/>
                <a:gd name="connsiteX48" fmla="*/ 761078 w 9143999"/>
                <a:gd name="connsiteY48" fmla="*/ 3296717 h 6061990"/>
                <a:gd name="connsiteX49" fmla="*/ 764579 w 9143999"/>
                <a:gd name="connsiteY49" fmla="*/ 3271381 h 6061990"/>
                <a:gd name="connsiteX50" fmla="*/ 767643 w 9143999"/>
                <a:gd name="connsiteY50" fmla="*/ 3257526 h 6061990"/>
                <a:gd name="connsiteX51" fmla="*/ 771582 w 9143999"/>
                <a:gd name="connsiteY51" fmla="*/ 3242878 h 6061990"/>
                <a:gd name="connsiteX52" fmla="*/ 774645 w 9143999"/>
                <a:gd name="connsiteY52" fmla="*/ 3234565 h 6061990"/>
                <a:gd name="connsiteX53" fmla="*/ 775083 w 9143999"/>
                <a:gd name="connsiteY53" fmla="*/ 3226251 h 6061990"/>
                <a:gd name="connsiteX54" fmla="*/ 775083 w 9143999"/>
                <a:gd name="connsiteY54" fmla="*/ 3223876 h 6061990"/>
                <a:gd name="connsiteX55" fmla="*/ 778146 w 9143999"/>
                <a:gd name="connsiteY55" fmla="*/ 3218334 h 6061990"/>
                <a:gd name="connsiteX56" fmla="*/ 782085 w 9143999"/>
                <a:gd name="connsiteY56" fmla="*/ 3195374 h 6061990"/>
                <a:gd name="connsiteX57" fmla="*/ 813594 w 9143999"/>
                <a:gd name="connsiteY57" fmla="*/ 3106699 h 6061990"/>
                <a:gd name="connsiteX58" fmla="*/ 890617 w 9143999"/>
                <a:gd name="connsiteY58" fmla="*/ 2926182 h 6061990"/>
                <a:gd name="connsiteX59" fmla="*/ 1156698 w 9143999"/>
                <a:gd name="connsiteY59" fmla="*/ 2565148 h 6061990"/>
                <a:gd name="connsiteX60" fmla="*/ 1576824 w 9143999"/>
                <a:gd name="connsiteY60" fmla="*/ 2254786 h 6061990"/>
                <a:gd name="connsiteX61" fmla="*/ 2077475 w 9143999"/>
                <a:gd name="connsiteY61" fmla="*/ 2055267 h 6061990"/>
                <a:gd name="connsiteX62" fmla="*/ 2560620 w 9143999"/>
                <a:gd name="connsiteY62" fmla="*/ 1947590 h 6061990"/>
                <a:gd name="connsiteX63" fmla="*/ 3005254 w 9143999"/>
                <a:gd name="connsiteY63" fmla="*/ 1890585 h 6061990"/>
                <a:gd name="connsiteX64" fmla="*/ 3404374 w 9143999"/>
                <a:gd name="connsiteY64" fmla="*/ 1852581 h 6061990"/>
                <a:gd name="connsiteX65" fmla="*/ 3754480 w 9143999"/>
                <a:gd name="connsiteY65" fmla="*/ 1814578 h 6061990"/>
                <a:gd name="connsiteX66" fmla="*/ 4006556 w 9143999"/>
                <a:gd name="connsiteY66" fmla="*/ 1763907 h 6061990"/>
                <a:gd name="connsiteX67" fmla="*/ 4083579 w 9143999"/>
                <a:gd name="connsiteY67" fmla="*/ 1738571 h 6061990"/>
                <a:gd name="connsiteX68" fmla="*/ 4136095 w 9143999"/>
                <a:gd name="connsiteY68" fmla="*/ 1713235 h 6061990"/>
                <a:gd name="connsiteX69" fmla="*/ 4178107 w 9143999"/>
                <a:gd name="connsiteY69" fmla="*/ 1672065 h 6061990"/>
                <a:gd name="connsiteX70" fmla="*/ 4209617 w 9143999"/>
                <a:gd name="connsiteY70" fmla="*/ 1605558 h 6061990"/>
                <a:gd name="connsiteX71" fmla="*/ 4227122 w 9143999"/>
                <a:gd name="connsiteY71" fmla="*/ 1513716 h 6061990"/>
                <a:gd name="connsiteX72" fmla="*/ 4227122 w 9143999"/>
                <a:gd name="connsiteY72" fmla="*/ 1505403 h 6061990"/>
                <a:gd name="connsiteX73" fmla="*/ 4227122 w 9143999"/>
                <a:gd name="connsiteY73" fmla="*/ 1495902 h 6061990"/>
                <a:gd name="connsiteX74" fmla="*/ 4227122 w 9143999"/>
                <a:gd name="connsiteY74" fmla="*/ 1482047 h 6061990"/>
                <a:gd name="connsiteX75" fmla="*/ 4223621 w 9143999"/>
                <a:gd name="connsiteY75" fmla="*/ 1463045 h 6061990"/>
                <a:gd name="connsiteX76" fmla="*/ 4192112 w 9143999"/>
                <a:gd name="connsiteY76" fmla="*/ 1409207 h 6061990"/>
                <a:gd name="connsiteX77" fmla="*/ 4118589 w 9143999"/>
                <a:gd name="connsiteY77" fmla="*/ 1342700 h 6061990"/>
                <a:gd name="connsiteX78" fmla="*/ 3884019 w 9143999"/>
                <a:gd name="connsiteY78" fmla="*/ 1203354 h 6061990"/>
                <a:gd name="connsiteX79" fmla="*/ 3582928 w 9143999"/>
                <a:gd name="connsiteY79" fmla="*/ 1076675 h 6061990"/>
                <a:gd name="connsiteX80" fmla="*/ 3253829 w 9143999"/>
                <a:gd name="connsiteY80" fmla="*/ 965832 h 6061990"/>
                <a:gd name="connsiteX81" fmla="*/ 2543115 w 9143999"/>
                <a:gd name="connsiteY81" fmla="*/ 772647 h 6061990"/>
                <a:gd name="connsiteX82" fmla="*/ 1041163 w 9143999"/>
                <a:gd name="connsiteY82" fmla="*/ 468619 h 6061990"/>
                <a:gd name="connsiteX83" fmla="*/ 0 w 9143999"/>
                <a:gd name="connsiteY83" fmla="*/ 304674 h 6061990"/>
                <a:gd name="connsiteX84" fmla="*/ 0 w 9143999"/>
                <a:gd name="connsiteY84" fmla="*/ 0 h 6061990"/>
                <a:gd name="connsiteX0" fmla="*/ 0 w 9143999"/>
                <a:gd name="connsiteY0" fmla="*/ 0 h 6061990"/>
                <a:gd name="connsiteX1" fmla="*/ 1153197 w 9143999"/>
                <a:gd name="connsiteY1" fmla="*/ 113919 h 6061990"/>
                <a:gd name="connsiteX2" fmla="*/ 2742675 w 9143999"/>
                <a:gd name="connsiteY2" fmla="*/ 338773 h 6061990"/>
                <a:gd name="connsiteX3" fmla="*/ 3537414 w 9143999"/>
                <a:gd name="connsiteY3" fmla="*/ 500288 h 6061990"/>
                <a:gd name="connsiteX4" fmla="*/ 3933033 w 9143999"/>
                <a:gd name="connsiteY4" fmla="*/ 607965 h 6061990"/>
                <a:gd name="connsiteX5" fmla="*/ 4328653 w 9143999"/>
                <a:gd name="connsiteY5" fmla="*/ 747311 h 6061990"/>
                <a:gd name="connsiteX6" fmla="*/ 4717270 w 9143999"/>
                <a:gd name="connsiteY6" fmla="*/ 940496 h 6061990"/>
                <a:gd name="connsiteX7" fmla="*/ 4902826 w 9143999"/>
                <a:gd name="connsiteY7" fmla="*/ 1079842 h 6061990"/>
                <a:gd name="connsiteX8" fmla="*/ 5053371 w 9143999"/>
                <a:gd name="connsiteY8" fmla="*/ 1260359 h 6061990"/>
                <a:gd name="connsiteX9" fmla="*/ 5102386 w 9143999"/>
                <a:gd name="connsiteY9" fmla="*/ 1371203 h 6061990"/>
                <a:gd name="connsiteX10" fmla="*/ 5116390 w 9143999"/>
                <a:gd name="connsiteY10" fmla="*/ 1428208 h 6061990"/>
                <a:gd name="connsiteX11" fmla="*/ 5116390 w 9143999"/>
                <a:gd name="connsiteY11" fmla="*/ 1434542 h 6061990"/>
                <a:gd name="connsiteX12" fmla="*/ 5119454 w 9143999"/>
                <a:gd name="connsiteY12" fmla="*/ 1440084 h 6061990"/>
                <a:gd name="connsiteX13" fmla="*/ 5119891 w 9143999"/>
                <a:gd name="connsiteY13" fmla="*/ 1446418 h 6061990"/>
                <a:gd name="connsiteX14" fmla="*/ 5126893 w 9143999"/>
                <a:gd name="connsiteY14" fmla="*/ 1472546 h 6061990"/>
                <a:gd name="connsiteX15" fmla="*/ 5144398 w 9143999"/>
                <a:gd name="connsiteY15" fmla="*/ 1646729 h 6061990"/>
                <a:gd name="connsiteX16" fmla="*/ 5112889 w 9143999"/>
                <a:gd name="connsiteY16" fmla="*/ 1843081 h 6061990"/>
                <a:gd name="connsiteX17" fmla="*/ 5000855 w 9143999"/>
                <a:gd name="connsiteY17" fmla="*/ 2048933 h 6061990"/>
                <a:gd name="connsiteX18" fmla="*/ 4808297 w 9143999"/>
                <a:gd name="connsiteY18" fmla="*/ 2235784 h 6061990"/>
                <a:gd name="connsiteX19" fmla="*/ 4570225 w 9143999"/>
                <a:gd name="connsiteY19" fmla="*/ 2371963 h 6061990"/>
                <a:gd name="connsiteX20" fmla="*/ 4325152 w 9143999"/>
                <a:gd name="connsiteY20" fmla="*/ 2470139 h 6061990"/>
                <a:gd name="connsiteX21" fmla="*/ 4094082 w 9143999"/>
                <a:gd name="connsiteY21" fmla="*/ 2536645 h 6061990"/>
                <a:gd name="connsiteX22" fmla="*/ 3670454 w 9143999"/>
                <a:gd name="connsiteY22" fmla="*/ 2634821 h 6061990"/>
                <a:gd name="connsiteX23" fmla="*/ 3292341 w 9143999"/>
                <a:gd name="connsiteY23" fmla="*/ 2713995 h 6061990"/>
                <a:gd name="connsiteX24" fmla="*/ 2966743 w 9143999"/>
                <a:gd name="connsiteY24" fmla="*/ 2796336 h 6061990"/>
                <a:gd name="connsiteX25" fmla="*/ 2711166 w 9143999"/>
                <a:gd name="connsiteY25" fmla="*/ 2888178 h 6061990"/>
                <a:gd name="connsiteX26" fmla="*/ 2550117 w 9143999"/>
                <a:gd name="connsiteY26" fmla="*/ 2986354 h 6061990"/>
                <a:gd name="connsiteX27" fmla="*/ 2466092 w 9143999"/>
                <a:gd name="connsiteY27" fmla="*/ 3087697 h 6061990"/>
                <a:gd name="connsiteX28" fmla="*/ 2420578 w 9143999"/>
                <a:gd name="connsiteY28" fmla="*/ 3217543 h 6061990"/>
                <a:gd name="connsiteX29" fmla="*/ 2445086 w 9143999"/>
                <a:gd name="connsiteY29" fmla="*/ 3470900 h 6061990"/>
                <a:gd name="connsiteX30" fmla="*/ 2529111 w 9143999"/>
                <a:gd name="connsiteY30" fmla="*/ 3575409 h 6061990"/>
                <a:gd name="connsiteX31" fmla="*/ 2886218 w 9143999"/>
                <a:gd name="connsiteY31" fmla="*/ 3828766 h 6061990"/>
                <a:gd name="connsiteX32" fmla="*/ 3414877 w 9143999"/>
                <a:gd name="connsiteY32" fmla="*/ 4075790 h 6061990"/>
                <a:gd name="connsiteX33" fmla="*/ 4034564 w 9143999"/>
                <a:gd name="connsiteY33" fmla="*/ 4294310 h 6061990"/>
                <a:gd name="connsiteX34" fmla="*/ 4706767 w 9143999"/>
                <a:gd name="connsiteY34" fmla="*/ 4487495 h 6061990"/>
                <a:gd name="connsiteX35" fmla="*/ 6128195 w 9143999"/>
                <a:gd name="connsiteY35" fmla="*/ 4810525 h 6061990"/>
                <a:gd name="connsiteX36" fmla="*/ 7609141 w 9143999"/>
                <a:gd name="connsiteY36" fmla="*/ 5070216 h 6061990"/>
                <a:gd name="connsiteX37" fmla="*/ 9118095 w 9143999"/>
                <a:gd name="connsiteY37" fmla="*/ 5285570 h 6061990"/>
                <a:gd name="connsiteX38" fmla="*/ 9143999 w 9143999"/>
                <a:gd name="connsiteY38" fmla="*/ 5288702 h 6061990"/>
                <a:gd name="connsiteX39" fmla="*/ 9143999 w 9143999"/>
                <a:gd name="connsiteY39" fmla="*/ 6061990 h 6061990"/>
                <a:gd name="connsiteX40" fmla="*/ 4752032 w 9143999"/>
                <a:gd name="connsiteY40" fmla="*/ 6061990 h 6061990"/>
                <a:gd name="connsiteX41" fmla="*/ 3828002 w 9143999"/>
                <a:gd name="connsiteY41" fmla="*/ 5760614 h 6061990"/>
                <a:gd name="connsiteX42" fmla="*/ 3071774 w 9143999"/>
                <a:gd name="connsiteY42" fmla="*/ 5475587 h 6061990"/>
                <a:gd name="connsiteX43" fmla="*/ 2329551 w 9143999"/>
                <a:gd name="connsiteY43" fmla="*/ 5136722 h 6061990"/>
                <a:gd name="connsiteX44" fmla="*/ 1615336 w 9143999"/>
                <a:gd name="connsiteY44" fmla="*/ 4712349 h 6061990"/>
                <a:gd name="connsiteX45" fmla="*/ 1282736 w 9143999"/>
                <a:gd name="connsiteY45" fmla="*/ 4446324 h 6061990"/>
                <a:gd name="connsiteX46" fmla="*/ 992148 w 9143999"/>
                <a:gd name="connsiteY46" fmla="*/ 4123294 h 6061990"/>
                <a:gd name="connsiteX47" fmla="*/ 792588 w 9143999"/>
                <a:gd name="connsiteY47" fmla="*/ 3733758 h 6061990"/>
                <a:gd name="connsiteX48" fmla="*/ 761078 w 9143999"/>
                <a:gd name="connsiteY48" fmla="*/ 3296717 h 6061990"/>
                <a:gd name="connsiteX49" fmla="*/ 764579 w 9143999"/>
                <a:gd name="connsiteY49" fmla="*/ 3271381 h 6061990"/>
                <a:gd name="connsiteX50" fmla="*/ 767643 w 9143999"/>
                <a:gd name="connsiteY50" fmla="*/ 3257526 h 6061990"/>
                <a:gd name="connsiteX51" fmla="*/ 771582 w 9143999"/>
                <a:gd name="connsiteY51" fmla="*/ 3242878 h 6061990"/>
                <a:gd name="connsiteX52" fmla="*/ 774645 w 9143999"/>
                <a:gd name="connsiteY52" fmla="*/ 3234565 h 6061990"/>
                <a:gd name="connsiteX53" fmla="*/ 775083 w 9143999"/>
                <a:gd name="connsiteY53" fmla="*/ 3226251 h 6061990"/>
                <a:gd name="connsiteX54" fmla="*/ 775083 w 9143999"/>
                <a:gd name="connsiteY54" fmla="*/ 3223876 h 6061990"/>
                <a:gd name="connsiteX55" fmla="*/ 778146 w 9143999"/>
                <a:gd name="connsiteY55" fmla="*/ 3218334 h 6061990"/>
                <a:gd name="connsiteX56" fmla="*/ 782085 w 9143999"/>
                <a:gd name="connsiteY56" fmla="*/ 3195374 h 6061990"/>
                <a:gd name="connsiteX57" fmla="*/ 813594 w 9143999"/>
                <a:gd name="connsiteY57" fmla="*/ 3106699 h 6061990"/>
                <a:gd name="connsiteX58" fmla="*/ 890617 w 9143999"/>
                <a:gd name="connsiteY58" fmla="*/ 2926182 h 6061990"/>
                <a:gd name="connsiteX59" fmla="*/ 1156698 w 9143999"/>
                <a:gd name="connsiteY59" fmla="*/ 2565148 h 6061990"/>
                <a:gd name="connsiteX60" fmla="*/ 1576824 w 9143999"/>
                <a:gd name="connsiteY60" fmla="*/ 2254786 h 6061990"/>
                <a:gd name="connsiteX61" fmla="*/ 2077475 w 9143999"/>
                <a:gd name="connsiteY61" fmla="*/ 2055267 h 6061990"/>
                <a:gd name="connsiteX62" fmla="*/ 2560620 w 9143999"/>
                <a:gd name="connsiteY62" fmla="*/ 1947590 h 6061990"/>
                <a:gd name="connsiteX63" fmla="*/ 3005254 w 9143999"/>
                <a:gd name="connsiteY63" fmla="*/ 1890585 h 6061990"/>
                <a:gd name="connsiteX64" fmla="*/ 3404374 w 9143999"/>
                <a:gd name="connsiteY64" fmla="*/ 1852581 h 6061990"/>
                <a:gd name="connsiteX65" fmla="*/ 3754480 w 9143999"/>
                <a:gd name="connsiteY65" fmla="*/ 1814578 h 6061990"/>
                <a:gd name="connsiteX66" fmla="*/ 4006556 w 9143999"/>
                <a:gd name="connsiteY66" fmla="*/ 1763907 h 6061990"/>
                <a:gd name="connsiteX67" fmla="*/ 4083579 w 9143999"/>
                <a:gd name="connsiteY67" fmla="*/ 1738571 h 6061990"/>
                <a:gd name="connsiteX68" fmla="*/ 4136095 w 9143999"/>
                <a:gd name="connsiteY68" fmla="*/ 1713235 h 6061990"/>
                <a:gd name="connsiteX69" fmla="*/ 4178107 w 9143999"/>
                <a:gd name="connsiteY69" fmla="*/ 1672065 h 6061990"/>
                <a:gd name="connsiteX70" fmla="*/ 4209617 w 9143999"/>
                <a:gd name="connsiteY70" fmla="*/ 1605558 h 6061990"/>
                <a:gd name="connsiteX71" fmla="*/ 4227122 w 9143999"/>
                <a:gd name="connsiteY71" fmla="*/ 1513716 h 6061990"/>
                <a:gd name="connsiteX72" fmla="*/ 4227122 w 9143999"/>
                <a:gd name="connsiteY72" fmla="*/ 1505403 h 6061990"/>
                <a:gd name="connsiteX73" fmla="*/ 4227122 w 9143999"/>
                <a:gd name="connsiteY73" fmla="*/ 1495902 h 6061990"/>
                <a:gd name="connsiteX74" fmla="*/ 4227122 w 9143999"/>
                <a:gd name="connsiteY74" fmla="*/ 1482047 h 6061990"/>
                <a:gd name="connsiteX75" fmla="*/ 4223621 w 9143999"/>
                <a:gd name="connsiteY75" fmla="*/ 1463045 h 6061990"/>
                <a:gd name="connsiteX76" fmla="*/ 4192112 w 9143999"/>
                <a:gd name="connsiteY76" fmla="*/ 1409207 h 6061990"/>
                <a:gd name="connsiteX77" fmla="*/ 4118589 w 9143999"/>
                <a:gd name="connsiteY77" fmla="*/ 1342700 h 6061990"/>
                <a:gd name="connsiteX78" fmla="*/ 3884019 w 9143999"/>
                <a:gd name="connsiteY78" fmla="*/ 1203354 h 6061990"/>
                <a:gd name="connsiteX79" fmla="*/ 3582928 w 9143999"/>
                <a:gd name="connsiteY79" fmla="*/ 1076675 h 6061990"/>
                <a:gd name="connsiteX80" fmla="*/ 3253829 w 9143999"/>
                <a:gd name="connsiteY80" fmla="*/ 965832 h 6061990"/>
                <a:gd name="connsiteX81" fmla="*/ 2543115 w 9143999"/>
                <a:gd name="connsiteY81" fmla="*/ 772647 h 6061990"/>
                <a:gd name="connsiteX82" fmla="*/ 1041163 w 9143999"/>
                <a:gd name="connsiteY82" fmla="*/ 468619 h 6061990"/>
                <a:gd name="connsiteX83" fmla="*/ 0 w 9143999"/>
                <a:gd name="connsiteY83" fmla="*/ 304674 h 6061990"/>
                <a:gd name="connsiteX84" fmla="*/ 0 w 9143999"/>
                <a:gd name="connsiteY84" fmla="*/ 0 h 60619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9143999" h="6061990">
                  <a:moveTo>
                    <a:pt x="0" y="0"/>
                  </a:moveTo>
                  <a:cubicBezTo>
                    <a:pt x="383616" y="31868"/>
                    <a:pt x="768406" y="70410"/>
                    <a:pt x="1153197" y="113919"/>
                  </a:cubicBezTo>
                  <a:cubicBezTo>
                    <a:pt x="1681856" y="174091"/>
                    <a:pt x="2214016" y="243764"/>
                    <a:pt x="2742675" y="338773"/>
                  </a:cubicBezTo>
                  <a:cubicBezTo>
                    <a:pt x="3008755" y="383110"/>
                    <a:pt x="3271334" y="436949"/>
                    <a:pt x="3537414" y="500288"/>
                  </a:cubicBezTo>
                  <a:lnTo>
                    <a:pt x="3933033" y="607965"/>
                  </a:lnTo>
                  <a:cubicBezTo>
                    <a:pt x="4062572" y="649135"/>
                    <a:pt x="4195613" y="693473"/>
                    <a:pt x="4328653" y="747311"/>
                  </a:cubicBezTo>
                  <a:cubicBezTo>
                    <a:pt x="4458192" y="797983"/>
                    <a:pt x="4591232" y="861322"/>
                    <a:pt x="4717270" y="940496"/>
                  </a:cubicBezTo>
                  <a:cubicBezTo>
                    <a:pt x="4780289" y="981667"/>
                    <a:pt x="4843308" y="1026004"/>
                    <a:pt x="4902826" y="1079842"/>
                  </a:cubicBezTo>
                  <a:cubicBezTo>
                    <a:pt x="4958842" y="1130514"/>
                    <a:pt x="5011358" y="1190686"/>
                    <a:pt x="5053371" y="1260359"/>
                  </a:cubicBezTo>
                  <a:cubicBezTo>
                    <a:pt x="5074377" y="1295196"/>
                    <a:pt x="5088381" y="1333200"/>
                    <a:pt x="5102386" y="1371203"/>
                  </a:cubicBezTo>
                  <a:cubicBezTo>
                    <a:pt x="5109388" y="1390205"/>
                    <a:pt x="5112889" y="1409207"/>
                    <a:pt x="5116390" y="1428208"/>
                  </a:cubicBezTo>
                  <a:lnTo>
                    <a:pt x="5116390" y="1434542"/>
                  </a:lnTo>
                  <a:lnTo>
                    <a:pt x="5119454" y="1440084"/>
                  </a:lnTo>
                  <a:cubicBezTo>
                    <a:pt x="5119600" y="1442195"/>
                    <a:pt x="5119745" y="1444307"/>
                    <a:pt x="5119891" y="1446418"/>
                  </a:cubicBezTo>
                  <a:lnTo>
                    <a:pt x="5126893" y="1472546"/>
                  </a:lnTo>
                  <a:cubicBezTo>
                    <a:pt x="5137396" y="1526384"/>
                    <a:pt x="5144398" y="1586557"/>
                    <a:pt x="5144398" y="1646729"/>
                  </a:cubicBezTo>
                  <a:cubicBezTo>
                    <a:pt x="5140897" y="1710068"/>
                    <a:pt x="5133895" y="1776574"/>
                    <a:pt x="5112889" y="1843081"/>
                  </a:cubicBezTo>
                  <a:cubicBezTo>
                    <a:pt x="5088381" y="1912754"/>
                    <a:pt x="5053371" y="1982427"/>
                    <a:pt x="5000855" y="2048933"/>
                  </a:cubicBezTo>
                  <a:cubicBezTo>
                    <a:pt x="4948339" y="2118606"/>
                    <a:pt x="4881819" y="2181946"/>
                    <a:pt x="4808297" y="2235784"/>
                  </a:cubicBezTo>
                  <a:cubicBezTo>
                    <a:pt x="4731274" y="2289622"/>
                    <a:pt x="4650750" y="2333960"/>
                    <a:pt x="4570225" y="2371963"/>
                  </a:cubicBezTo>
                  <a:cubicBezTo>
                    <a:pt x="4486200" y="2409967"/>
                    <a:pt x="4405676" y="2441637"/>
                    <a:pt x="4325152" y="2470139"/>
                  </a:cubicBezTo>
                  <a:cubicBezTo>
                    <a:pt x="4248128" y="2495475"/>
                    <a:pt x="4171105" y="2517644"/>
                    <a:pt x="4094082" y="2536645"/>
                  </a:cubicBezTo>
                  <a:cubicBezTo>
                    <a:pt x="3943537" y="2577816"/>
                    <a:pt x="3803494" y="2606319"/>
                    <a:pt x="3670454" y="2634821"/>
                  </a:cubicBezTo>
                  <a:lnTo>
                    <a:pt x="3292341" y="2713995"/>
                  </a:lnTo>
                  <a:cubicBezTo>
                    <a:pt x="3173305" y="2739331"/>
                    <a:pt x="3064772" y="2767834"/>
                    <a:pt x="2966743" y="2796336"/>
                  </a:cubicBezTo>
                  <a:cubicBezTo>
                    <a:pt x="2868713" y="2824839"/>
                    <a:pt x="2781187" y="2856509"/>
                    <a:pt x="2711166" y="2888178"/>
                  </a:cubicBezTo>
                  <a:cubicBezTo>
                    <a:pt x="2641145" y="2919848"/>
                    <a:pt x="2588629" y="2951518"/>
                    <a:pt x="2550117" y="2986354"/>
                  </a:cubicBezTo>
                  <a:cubicBezTo>
                    <a:pt x="2511606" y="3018024"/>
                    <a:pt x="2483597" y="3052860"/>
                    <a:pt x="2466092" y="3087697"/>
                  </a:cubicBezTo>
                  <a:cubicBezTo>
                    <a:pt x="2445086" y="3125701"/>
                    <a:pt x="2433604" y="3159391"/>
                    <a:pt x="2420578" y="3217543"/>
                  </a:cubicBezTo>
                  <a:cubicBezTo>
                    <a:pt x="2407552" y="3275695"/>
                    <a:pt x="2400327" y="3409351"/>
                    <a:pt x="2445086" y="3470900"/>
                  </a:cubicBezTo>
                  <a:cubicBezTo>
                    <a:pt x="2489845" y="3532449"/>
                    <a:pt x="2490599" y="3537406"/>
                    <a:pt x="2529111" y="3575409"/>
                  </a:cubicBezTo>
                  <a:cubicBezTo>
                    <a:pt x="2606134" y="3654583"/>
                    <a:pt x="2732172" y="3743258"/>
                    <a:pt x="2886218" y="3828766"/>
                  </a:cubicBezTo>
                  <a:cubicBezTo>
                    <a:pt x="3036764" y="3914274"/>
                    <a:pt x="3218818" y="3996616"/>
                    <a:pt x="3414877" y="4075790"/>
                  </a:cubicBezTo>
                  <a:cubicBezTo>
                    <a:pt x="3607435" y="4151797"/>
                    <a:pt x="3817499" y="4224637"/>
                    <a:pt x="4034564" y="4294310"/>
                  </a:cubicBezTo>
                  <a:cubicBezTo>
                    <a:pt x="4251629" y="4360816"/>
                    <a:pt x="4475697" y="4427323"/>
                    <a:pt x="4706767" y="4487495"/>
                  </a:cubicBezTo>
                  <a:cubicBezTo>
                    <a:pt x="5165405" y="4607839"/>
                    <a:pt x="5645049" y="4712349"/>
                    <a:pt x="6128195" y="4810525"/>
                  </a:cubicBezTo>
                  <a:cubicBezTo>
                    <a:pt x="6614841" y="4905534"/>
                    <a:pt x="7111991" y="4994209"/>
                    <a:pt x="7609141" y="5070216"/>
                  </a:cubicBezTo>
                  <a:cubicBezTo>
                    <a:pt x="8109791" y="5149390"/>
                    <a:pt x="8613943" y="5222230"/>
                    <a:pt x="9118095" y="5285570"/>
                  </a:cubicBezTo>
                  <a:lnTo>
                    <a:pt x="9143999" y="5288702"/>
                  </a:lnTo>
                  <a:lnTo>
                    <a:pt x="9143999" y="6061990"/>
                  </a:lnTo>
                  <a:lnTo>
                    <a:pt x="4752032" y="6061990"/>
                  </a:lnTo>
                  <a:cubicBezTo>
                    <a:pt x="4441382" y="5969608"/>
                    <a:pt x="4132773" y="5869741"/>
                    <a:pt x="3828002" y="5760614"/>
                  </a:cubicBezTo>
                  <a:cubicBezTo>
                    <a:pt x="3572425" y="5671939"/>
                    <a:pt x="3323850" y="5576930"/>
                    <a:pt x="3071774" y="5475587"/>
                  </a:cubicBezTo>
                  <a:cubicBezTo>
                    <a:pt x="2823199" y="5371078"/>
                    <a:pt x="2574625" y="5260234"/>
                    <a:pt x="2329551" y="5136722"/>
                  </a:cubicBezTo>
                  <a:cubicBezTo>
                    <a:pt x="2087978" y="5010044"/>
                    <a:pt x="1846405" y="4873864"/>
                    <a:pt x="1615336" y="4712349"/>
                  </a:cubicBezTo>
                  <a:cubicBezTo>
                    <a:pt x="1499801" y="4630008"/>
                    <a:pt x="1387767" y="4544500"/>
                    <a:pt x="1282736" y="4446324"/>
                  </a:cubicBezTo>
                  <a:cubicBezTo>
                    <a:pt x="1177704" y="4348149"/>
                    <a:pt x="1076173" y="4243639"/>
                    <a:pt x="992148" y="4123294"/>
                  </a:cubicBezTo>
                  <a:cubicBezTo>
                    <a:pt x="908123" y="4006116"/>
                    <a:pt x="834601" y="3873104"/>
                    <a:pt x="792588" y="3733758"/>
                  </a:cubicBezTo>
                  <a:cubicBezTo>
                    <a:pt x="750575" y="3591244"/>
                    <a:pt x="740072" y="3442397"/>
                    <a:pt x="761078" y="3296717"/>
                  </a:cubicBezTo>
                  <a:lnTo>
                    <a:pt x="764579" y="3271381"/>
                  </a:lnTo>
                  <a:lnTo>
                    <a:pt x="767643" y="3257526"/>
                  </a:lnTo>
                  <a:cubicBezTo>
                    <a:pt x="768081" y="3249212"/>
                    <a:pt x="771582" y="3242878"/>
                    <a:pt x="771582" y="3242878"/>
                  </a:cubicBezTo>
                  <a:lnTo>
                    <a:pt x="774645" y="3234565"/>
                  </a:lnTo>
                  <a:lnTo>
                    <a:pt x="775083" y="3226251"/>
                  </a:lnTo>
                  <a:lnTo>
                    <a:pt x="775083" y="3223876"/>
                  </a:lnTo>
                  <a:lnTo>
                    <a:pt x="778146" y="3218334"/>
                  </a:lnTo>
                  <a:lnTo>
                    <a:pt x="782085" y="3195374"/>
                  </a:lnTo>
                  <a:cubicBezTo>
                    <a:pt x="792588" y="3166871"/>
                    <a:pt x="799590" y="3138368"/>
                    <a:pt x="813594" y="3106699"/>
                  </a:cubicBezTo>
                  <a:cubicBezTo>
                    <a:pt x="834601" y="3046527"/>
                    <a:pt x="859108" y="2986354"/>
                    <a:pt x="890617" y="2926182"/>
                  </a:cubicBezTo>
                  <a:cubicBezTo>
                    <a:pt x="953636" y="2802670"/>
                    <a:pt x="1041163" y="2679159"/>
                    <a:pt x="1156698" y="2565148"/>
                  </a:cubicBezTo>
                  <a:cubicBezTo>
                    <a:pt x="1272232" y="2447970"/>
                    <a:pt x="1419277" y="2340294"/>
                    <a:pt x="1576824" y="2254786"/>
                  </a:cubicBezTo>
                  <a:cubicBezTo>
                    <a:pt x="1737873" y="2169278"/>
                    <a:pt x="1909424" y="2102772"/>
                    <a:pt x="2077475" y="2055267"/>
                  </a:cubicBezTo>
                  <a:cubicBezTo>
                    <a:pt x="2242024" y="2004596"/>
                    <a:pt x="2406574" y="1972926"/>
                    <a:pt x="2560620" y="1947590"/>
                  </a:cubicBezTo>
                  <a:cubicBezTo>
                    <a:pt x="2718168" y="1922255"/>
                    <a:pt x="2865212" y="1903253"/>
                    <a:pt x="3005254" y="1890585"/>
                  </a:cubicBezTo>
                  <a:cubicBezTo>
                    <a:pt x="3145296" y="1874750"/>
                    <a:pt x="3281837" y="1862082"/>
                    <a:pt x="3404374" y="1852581"/>
                  </a:cubicBezTo>
                  <a:lnTo>
                    <a:pt x="3754480" y="1814578"/>
                  </a:lnTo>
                  <a:cubicBezTo>
                    <a:pt x="3856010" y="1798743"/>
                    <a:pt x="3947038" y="1782908"/>
                    <a:pt x="4006556" y="1763907"/>
                  </a:cubicBezTo>
                  <a:cubicBezTo>
                    <a:pt x="4038065" y="1754406"/>
                    <a:pt x="4066074" y="1748072"/>
                    <a:pt x="4083579" y="1738571"/>
                  </a:cubicBezTo>
                  <a:cubicBezTo>
                    <a:pt x="4104585" y="1732237"/>
                    <a:pt x="4122090" y="1722736"/>
                    <a:pt x="4136095" y="1713235"/>
                  </a:cubicBezTo>
                  <a:cubicBezTo>
                    <a:pt x="4150099" y="1703734"/>
                    <a:pt x="4164103" y="1691066"/>
                    <a:pt x="4178107" y="1672065"/>
                  </a:cubicBezTo>
                  <a:cubicBezTo>
                    <a:pt x="4192112" y="1653063"/>
                    <a:pt x="4202615" y="1630894"/>
                    <a:pt x="4209617" y="1605558"/>
                  </a:cubicBezTo>
                  <a:cubicBezTo>
                    <a:pt x="4220120" y="1577056"/>
                    <a:pt x="4223621" y="1548553"/>
                    <a:pt x="4227122" y="1513716"/>
                  </a:cubicBezTo>
                  <a:lnTo>
                    <a:pt x="4227122" y="1505403"/>
                  </a:lnTo>
                  <a:lnTo>
                    <a:pt x="4227122" y="1495902"/>
                  </a:lnTo>
                  <a:lnTo>
                    <a:pt x="4227122" y="1482047"/>
                  </a:lnTo>
                  <a:cubicBezTo>
                    <a:pt x="4227122" y="1475713"/>
                    <a:pt x="4227122" y="1469379"/>
                    <a:pt x="4223621" y="1463045"/>
                  </a:cubicBezTo>
                  <a:cubicBezTo>
                    <a:pt x="4220120" y="1447210"/>
                    <a:pt x="4209617" y="1428208"/>
                    <a:pt x="4192112" y="1409207"/>
                  </a:cubicBezTo>
                  <a:cubicBezTo>
                    <a:pt x="4171105" y="1387038"/>
                    <a:pt x="4146598" y="1364869"/>
                    <a:pt x="4118589" y="1342700"/>
                  </a:cubicBezTo>
                  <a:cubicBezTo>
                    <a:pt x="4055570" y="1295196"/>
                    <a:pt x="3975046" y="1247691"/>
                    <a:pt x="3884019" y="1203354"/>
                  </a:cubicBezTo>
                  <a:cubicBezTo>
                    <a:pt x="3792991" y="1159016"/>
                    <a:pt x="3691461" y="1117846"/>
                    <a:pt x="3582928" y="1076675"/>
                  </a:cubicBezTo>
                  <a:cubicBezTo>
                    <a:pt x="3477896" y="1038672"/>
                    <a:pt x="3365863" y="1000668"/>
                    <a:pt x="3253829" y="965832"/>
                  </a:cubicBezTo>
                  <a:cubicBezTo>
                    <a:pt x="3026261" y="892992"/>
                    <a:pt x="2784688" y="829652"/>
                    <a:pt x="2543115" y="772647"/>
                  </a:cubicBezTo>
                  <a:cubicBezTo>
                    <a:pt x="2056469" y="655469"/>
                    <a:pt x="1548816" y="557293"/>
                    <a:pt x="1041163" y="468619"/>
                  </a:cubicBezTo>
                  <a:cubicBezTo>
                    <a:pt x="696624" y="408848"/>
                    <a:pt x="348905" y="354833"/>
                    <a:pt x="0" y="304674"/>
                  </a:cubicBezTo>
                  <a:lnTo>
                    <a:pt x="0" y="0"/>
                  </a:lnTo>
                  <a:close/>
                </a:path>
              </a:pathLst>
            </a:custGeom>
            <a:solidFill>
              <a:schemeClr val="tx1">
                <a:lumMod val="85000"/>
                <a:lumOff val="15000"/>
              </a:schemeClr>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i="0" u="none" strike="noStrike" kern="0" normalizeH="0" baseline="0" noProof="0">
                <a:ln w="0"/>
                <a:effectLst>
                  <a:outerShdw blurRad="38100" dist="19050" dir="2700000" algn="tl" rotWithShape="0">
                    <a:schemeClr val="dk1">
                      <a:alpha val="40000"/>
                    </a:schemeClr>
                  </a:outerShdw>
                </a:effectLst>
                <a:uLnTx/>
                <a:uFillTx/>
              </a:endParaRPr>
            </a:p>
          </p:txBody>
        </p:sp>
        <p:sp>
          <p:nvSpPr>
            <p:cNvPr id="21" name="Freeform 8"/>
            <p:cNvSpPr>
              <a:spLocks/>
            </p:cNvSpPr>
            <p:nvPr/>
          </p:nvSpPr>
          <p:spPr bwMode="auto">
            <a:xfrm>
              <a:off x="0" y="869184"/>
              <a:ext cx="8795010" cy="5988817"/>
            </a:xfrm>
            <a:custGeom>
              <a:avLst/>
              <a:gdLst/>
              <a:ahLst/>
              <a:cxnLst/>
              <a:rect l="l" t="t" r="r" b="b"/>
              <a:pathLst>
                <a:path w="8795010" h="5988817">
                  <a:moveTo>
                    <a:pt x="0" y="0"/>
                  </a:moveTo>
                  <a:cubicBezTo>
                    <a:pt x="1275901" y="148554"/>
                    <a:pt x="2311734" y="316320"/>
                    <a:pt x="3082902" y="500228"/>
                  </a:cubicBezTo>
                  <a:cubicBezTo>
                    <a:pt x="4178728" y="759957"/>
                    <a:pt x="4735394" y="1048193"/>
                    <a:pt x="4784409" y="1380772"/>
                  </a:cubicBezTo>
                  <a:cubicBezTo>
                    <a:pt x="4882438" y="2049099"/>
                    <a:pt x="4129714" y="2159959"/>
                    <a:pt x="3404998" y="2267652"/>
                  </a:cubicBezTo>
                  <a:cubicBezTo>
                    <a:pt x="2627767" y="2381679"/>
                    <a:pt x="1829529" y="2498874"/>
                    <a:pt x="1703491" y="3230549"/>
                  </a:cubicBezTo>
                  <a:cubicBezTo>
                    <a:pt x="1542443" y="4168107"/>
                    <a:pt x="3888142" y="4931457"/>
                    <a:pt x="5887237" y="5409738"/>
                  </a:cubicBezTo>
                  <a:cubicBezTo>
                    <a:pt x="6920721" y="5655400"/>
                    <a:pt x="7970450" y="5850672"/>
                    <a:pt x="8795010" y="5988817"/>
                  </a:cubicBezTo>
                  <a:lnTo>
                    <a:pt x="7910172" y="5988817"/>
                  </a:lnTo>
                  <a:cubicBezTo>
                    <a:pt x="7256881" y="5868994"/>
                    <a:pt x="6531625" y="5722599"/>
                    <a:pt x="5813715" y="5552272"/>
                  </a:cubicBezTo>
                  <a:cubicBezTo>
                    <a:pt x="4507826" y="5238697"/>
                    <a:pt x="3478520" y="4909285"/>
                    <a:pt x="2757305" y="4570370"/>
                  </a:cubicBezTo>
                  <a:cubicBezTo>
                    <a:pt x="1829529" y="4136433"/>
                    <a:pt x="1398901" y="3677156"/>
                    <a:pt x="1479425" y="3211544"/>
                  </a:cubicBezTo>
                  <a:cubicBezTo>
                    <a:pt x="1545945" y="2837788"/>
                    <a:pt x="1773512" y="2571724"/>
                    <a:pt x="2183134" y="2394349"/>
                  </a:cubicBezTo>
                  <a:cubicBezTo>
                    <a:pt x="2529737" y="2242312"/>
                    <a:pt x="2949863" y="2178964"/>
                    <a:pt x="3355983" y="2121950"/>
                  </a:cubicBezTo>
                  <a:cubicBezTo>
                    <a:pt x="3709589" y="2068104"/>
                    <a:pt x="4042188" y="2020592"/>
                    <a:pt x="4269755" y="1916067"/>
                  </a:cubicBezTo>
                  <a:cubicBezTo>
                    <a:pt x="4416799" y="1846384"/>
                    <a:pt x="4609356" y="1716520"/>
                    <a:pt x="4560342" y="1396610"/>
                  </a:cubicBezTo>
                  <a:cubicBezTo>
                    <a:pt x="4521830" y="1133713"/>
                    <a:pt x="3986171" y="873984"/>
                    <a:pt x="3009380" y="642762"/>
                  </a:cubicBezTo>
                  <a:cubicBezTo>
                    <a:pt x="2258781" y="463602"/>
                    <a:pt x="1245927" y="300260"/>
                    <a:pt x="0" y="153235"/>
                  </a:cubicBezTo>
                  <a:close/>
                </a:path>
              </a:pathLst>
            </a:custGeom>
            <a:solidFill>
              <a:srgbClr val="FFDB01"/>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i="0" u="none" strike="noStrike" kern="0" normalizeH="0" baseline="0" noProof="0">
                <a:ln w="0"/>
                <a:effectLst>
                  <a:outerShdw blurRad="38100" dist="19050" dir="2700000" algn="tl" rotWithShape="0">
                    <a:schemeClr val="dk1">
                      <a:alpha val="40000"/>
                    </a:schemeClr>
                  </a:outerShdw>
                </a:effectLst>
                <a:uLnTx/>
                <a:uFillTx/>
              </a:endParaRPr>
            </a:p>
          </p:txBody>
        </p:sp>
        <p:sp>
          <p:nvSpPr>
            <p:cNvPr id="22" name="Freeform 9"/>
            <p:cNvSpPr>
              <a:spLocks/>
            </p:cNvSpPr>
            <p:nvPr/>
          </p:nvSpPr>
          <p:spPr bwMode="auto">
            <a:xfrm>
              <a:off x="0" y="918280"/>
              <a:ext cx="8513236" cy="5939720"/>
            </a:xfrm>
            <a:custGeom>
              <a:avLst/>
              <a:gdLst/>
              <a:ahLst/>
              <a:cxnLst/>
              <a:rect l="l" t="t" r="r" b="b"/>
              <a:pathLst>
                <a:path w="8513236" h="5939720">
                  <a:moveTo>
                    <a:pt x="0" y="0"/>
                  </a:moveTo>
                  <a:cubicBezTo>
                    <a:pt x="1267237" y="148192"/>
                    <a:pt x="2295572" y="315238"/>
                    <a:pt x="3057919" y="495651"/>
                  </a:cubicBezTo>
                  <a:cubicBezTo>
                    <a:pt x="3555058" y="612834"/>
                    <a:pt x="3943667" y="739519"/>
                    <a:pt x="4216743" y="869370"/>
                  </a:cubicBezTo>
                  <a:cubicBezTo>
                    <a:pt x="4521328" y="1015057"/>
                    <a:pt x="4689375" y="1173412"/>
                    <a:pt x="4713882" y="1334935"/>
                  </a:cubicBezTo>
                  <a:cubicBezTo>
                    <a:pt x="4804908" y="1965190"/>
                    <a:pt x="4118716" y="2066537"/>
                    <a:pt x="3387011" y="2174219"/>
                  </a:cubicBezTo>
                  <a:cubicBezTo>
                    <a:pt x="2588788" y="2291402"/>
                    <a:pt x="1766058" y="2411752"/>
                    <a:pt x="1633021" y="3175025"/>
                  </a:cubicBezTo>
                  <a:cubicBezTo>
                    <a:pt x="1559500" y="3599417"/>
                    <a:pt x="1969115" y="4023810"/>
                    <a:pt x="2844359" y="4435534"/>
                  </a:cubicBezTo>
                  <a:cubicBezTo>
                    <a:pt x="3555058" y="4771248"/>
                    <a:pt x="4570342" y="5097460"/>
                    <a:pt x="5865704" y="5404669"/>
                  </a:cubicBezTo>
                  <a:cubicBezTo>
                    <a:pt x="6793025" y="5624727"/>
                    <a:pt x="7733382" y="5804910"/>
                    <a:pt x="8513236" y="5939720"/>
                  </a:cubicBezTo>
                  <a:lnTo>
                    <a:pt x="8179609" y="5939720"/>
                  </a:lnTo>
                  <a:cubicBezTo>
                    <a:pt x="7465516" y="5812559"/>
                    <a:pt x="6646676" y="5651037"/>
                    <a:pt x="5837696" y="5458510"/>
                  </a:cubicBezTo>
                  <a:cubicBezTo>
                    <a:pt x="4538833" y="5148133"/>
                    <a:pt x="3513046" y="4818754"/>
                    <a:pt x="2798847" y="4483041"/>
                  </a:cubicBezTo>
                  <a:cubicBezTo>
                    <a:pt x="1892093" y="4058648"/>
                    <a:pt x="1471976" y="3615253"/>
                    <a:pt x="1548997" y="3168691"/>
                  </a:cubicBezTo>
                  <a:cubicBezTo>
                    <a:pt x="1689036" y="2364245"/>
                    <a:pt x="2581786" y="2234394"/>
                    <a:pt x="3369506" y="2117211"/>
                  </a:cubicBezTo>
                  <a:cubicBezTo>
                    <a:pt x="4090708" y="2012696"/>
                    <a:pt x="4713882" y="1920850"/>
                    <a:pt x="4629859" y="1341269"/>
                  </a:cubicBezTo>
                  <a:cubicBezTo>
                    <a:pt x="4559122" y="844575"/>
                    <a:pt x="2958673" y="403585"/>
                    <a:pt x="0" y="57926"/>
                  </a:cubicBezTo>
                  <a:close/>
                </a:path>
              </a:pathLst>
            </a:custGeom>
            <a:solidFill>
              <a:schemeClr val="tx1">
                <a:lumMod val="85000"/>
                <a:lumOff val="15000"/>
              </a:schemeClr>
            </a:solidFill>
            <a:ln>
              <a:noFill/>
            </a:ln>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i="0" u="none" strike="noStrike" kern="0" normalizeH="0" baseline="0" noProof="0">
                <a:ln w="0"/>
                <a:effectLst>
                  <a:outerShdw blurRad="38100" dist="19050" dir="2700000" algn="tl" rotWithShape="0">
                    <a:schemeClr val="dk1">
                      <a:alpha val="40000"/>
                    </a:schemeClr>
                  </a:outerShdw>
                </a:effectLst>
                <a:uLnTx/>
                <a:uFillTx/>
              </a:endParaRPr>
            </a:p>
          </p:txBody>
        </p:sp>
      </p:grpSp>
      <p:sp>
        <p:nvSpPr>
          <p:cNvPr id="23" name="Rectangle 2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24" name="Picture 2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25" name="Picture 2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26" name="Rectangle 2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27"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28" name="Picture 2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Tree>
    <p:extLst>
      <p:ext uri="{BB962C8B-B14F-4D97-AF65-F5344CB8AC3E}">
        <p14:creationId xmlns:p14="http://schemas.microsoft.com/office/powerpoint/2010/main" val="323622214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b="15419"/>
          <a:stretch/>
        </p:blipFill>
        <p:spPr>
          <a:xfrm>
            <a:off x="0" y="1"/>
            <a:ext cx="12192000" cy="6858000"/>
          </a:xfrm>
          <a:prstGeom prst="rect">
            <a:avLst/>
          </a:prstGeom>
        </p:spPr>
      </p:pic>
      <p:sp>
        <p:nvSpPr>
          <p:cNvPr id="3" name="Rectangle 32"/>
          <p:cNvSpPr>
            <a:spLocks noChangeArrowheads="1"/>
          </p:cNvSpPr>
          <p:nvPr/>
        </p:nvSpPr>
        <p:spPr bwMode="auto">
          <a:xfrm>
            <a:off x="0" y="1"/>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dirty="0">
              <a:solidFill>
                <a:sysClr val="windowText" lastClr="000000"/>
              </a:solidFill>
            </a:endParaRPr>
          </a:p>
        </p:txBody>
      </p:sp>
      <p:sp>
        <p:nvSpPr>
          <p:cNvPr id="5" name="TextBox 4"/>
          <p:cNvSpPr txBox="1"/>
          <p:nvPr/>
        </p:nvSpPr>
        <p:spPr>
          <a:xfrm>
            <a:off x="5017861" y="254676"/>
            <a:ext cx="2785019" cy="923330"/>
          </a:xfrm>
          <a:prstGeom prst="rect">
            <a:avLst/>
          </a:prstGeom>
          <a:noFill/>
        </p:spPr>
        <p:txBody>
          <a:bodyPr wrap="square" rtlCol="0">
            <a:spAutoFit/>
          </a:bodyPr>
          <a:lstStyle/>
          <a:p>
            <a:pPr>
              <a:lnSpc>
                <a:spcPct val="150000"/>
              </a:lnSpc>
            </a:pPr>
            <a:r>
              <a:rPr lang="en-US" sz="3600" b="1" dirty="0">
                <a:solidFill>
                  <a:srgbClr val="AF1F2C"/>
                </a:solidFill>
                <a:latin typeface="Helvetica" panose="020B0604020202020204" pitchFamily="34" charset="0"/>
                <a:cs typeface="Helvetica" panose="020B0604020202020204" pitchFamily="34" charset="0"/>
              </a:rPr>
              <a:t>Discussion</a:t>
            </a:r>
            <a:endParaRPr lang="en-US" dirty="0"/>
          </a:p>
        </p:txBody>
      </p:sp>
      <p:sp>
        <p:nvSpPr>
          <p:cNvPr id="8" name="Rectangle 7"/>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9" name="Picture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0" name="Picture 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1" name="Rectangle 10"/>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2" name="Picture 1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3" name="Picture 1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6" name="TextBox 5"/>
          <p:cNvSpPr txBox="1"/>
          <p:nvPr/>
        </p:nvSpPr>
        <p:spPr>
          <a:xfrm>
            <a:off x="6385560" y="1813560"/>
            <a:ext cx="5013960" cy="3539430"/>
          </a:xfrm>
          <a:prstGeom prst="rect">
            <a:avLst/>
          </a:prstGeom>
          <a:noFill/>
        </p:spPr>
        <p:txBody>
          <a:bodyPr wrap="square" rtlCol="0">
            <a:spAutoFit/>
          </a:bodyPr>
          <a:lstStyle/>
          <a:p>
            <a:pPr marL="457200" indent="-457200">
              <a:buFont typeface="Arial" panose="020B0604020202020204" pitchFamily="34" charset="0"/>
              <a:buChar char="•"/>
            </a:pPr>
            <a:r>
              <a:rPr lang="en-US" sz="2800" dirty="0">
                <a:latin typeface="Helvetica" panose="020B0604020202020204" pitchFamily="34" charset="0"/>
                <a:cs typeface="Helvetica" panose="020B0604020202020204" pitchFamily="34" charset="0"/>
              </a:rPr>
              <a:t>How to engage RESULTS grassroots and other activists and advocates using RTEI?</a:t>
            </a:r>
          </a:p>
          <a:p>
            <a:pPr marL="457200" indent="-457200">
              <a:buFont typeface="Arial" panose="020B0604020202020204" pitchFamily="34" charset="0"/>
              <a:buChar char="•"/>
            </a:pPr>
            <a:r>
              <a:rPr lang="en-US" sz="2800" dirty="0">
                <a:latin typeface="Helvetica" panose="020B0604020202020204" pitchFamily="34" charset="0"/>
                <a:cs typeface="Helvetica" panose="020B0604020202020204" pitchFamily="34" charset="0"/>
              </a:rPr>
              <a:t>U.S. implications of RTEI?</a:t>
            </a:r>
          </a:p>
          <a:p>
            <a:pPr marL="457200" indent="-457200">
              <a:buFont typeface="Arial" panose="020B0604020202020204" pitchFamily="34" charset="0"/>
              <a:buChar char="•"/>
            </a:pPr>
            <a:r>
              <a:rPr lang="en-US" sz="2800" dirty="0">
                <a:latin typeface="Helvetica" panose="020B0604020202020204" pitchFamily="34" charset="0"/>
                <a:cs typeface="Helvetica" panose="020B0604020202020204" pitchFamily="34" charset="0"/>
              </a:rPr>
              <a:t>Other ideas to connect RESULTS grassroots </a:t>
            </a:r>
            <a:r>
              <a:rPr lang="en-US" sz="2800">
                <a:latin typeface="Helvetica" panose="020B0604020202020204" pitchFamily="34" charset="0"/>
                <a:cs typeface="Helvetica" panose="020B0604020202020204" pitchFamily="34" charset="0"/>
              </a:rPr>
              <a:t>movement with RTEI?</a:t>
            </a:r>
            <a:endParaRPr lang="en-US" sz="2800" dirty="0">
              <a:latin typeface="Helvetica" panose="020B0604020202020204" pitchFamily="34" charset="0"/>
              <a:cs typeface="Helvetica" panose="020B0604020202020204" pitchFamily="34" charset="0"/>
            </a:endParaRPr>
          </a:p>
        </p:txBody>
      </p:sp>
    </p:spTree>
    <p:extLst>
      <p:ext uri="{BB962C8B-B14F-4D97-AF65-F5344CB8AC3E}">
        <p14:creationId xmlns:p14="http://schemas.microsoft.com/office/powerpoint/2010/main" val="2274413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269" y="0"/>
            <a:ext cx="12205269" cy="6865464"/>
          </a:xfrm>
          <a:prstGeom prst="rect">
            <a:avLst/>
          </a:prstGeom>
        </p:spPr>
      </p:pic>
      <p:sp>
        <p:nvSpPr>
          <p:cNvPr id="3" name="Rectangle 32"/>
          <p:cNvSpPr>
            <a:spLocks noChangeArrowheads="1"/>
          </p:cNvSpPr>
          <p:nvPr/>
        </p:nvSpPr>
        <p:spPr bwMode="auto">
          <a:xfrm>
            <a:off x="-13269" y="3"/>
            <a:ext cx="12205268" cy="6858000"/>
          </a:xfrm>
          <a:prstGeom prst="rect">
            <a:avLst/>
          </a:prstGeom>
          <a:solidFill>
            <a:srgbClr val="FFFFFF">
              <a:alpha val="74902"/>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4" name="TextBox 3"/>
          <p:cNvSpPr txBox="1"/>
          <p:nvPr/>
        </p:nvSpPr>
        <p:spPr>
          <a:xfrm>
            <a:off x="2063551" y="449843"/>
            <a:ext cx="8051628" cy="4216539"/>
          </a:xfrm>
          <a:prstGeom prst="rect">
            <a:avLst/>
          </a:prstGeom>
          <a:noFill/>
        </p:spPr>
        <p:txBody>
          <a:bodyPr wrap="none" rtlCol="0">
            <a:spAutoFit/>
          </a:bodyPr>
          <a:lstStyle/>
          <a:p>
            <a:pPr algn="ctr"/>
            <a:endParaRPr lang="en-US" sz="4400" dirty="0">
              <a:latin typeface="Helvetica" panose="020B0604020202020204" pitchFamily="34" charset="0"/>
              <a:cs typeface="Helvetica" panose="020B0604020202020204" pitchFamily="34" charset="0"/>
            </a:endParaRPr>
          </a:p>
          <a:p>
            <a:pPr algn="ctr"/>
            <a:r>
              <a:rPr lang="en-US" sz="4400" dirty="0">
                <a:latin typeface="Helvetica" panose="020B0604020202020204" pitchFamily="34" charset="0"/>
                <a:cs typeface="Helvetica" panose="020B0604020202020204" pitchFamily="34" charset="0"/>
              </a:rPr>
              <a:t>Thank you from the RTEI team!</a:t>
            </a:r>
          </a:p>
          <a:p>
            <a:pPr algn="ctr"/>
            <a:endParaRPr lang="en-US" dirty="0">
              <a:latin typeface="Helvetica" panose="020B0604020202020204" pitchFamily="34" charset="0"/>
              <a:cs typeface="Helvetica" panose="020B0604020202020204" pitchFamily="34" charset="0"/>
            </a:endParaRPr>
          </a:p>
          <a:p>
            <a:pPr algn="ctr"/>
            <a:r>
              <a:rPr lang="en-US" dirty="0">
                <a:latin typeface="Helvetica" panose="020B0604020202020204" pitchFamily="34" charset="0"/>
                <a:cs typeface="Helvetica" panose="020B0604020202020204" pitchFamily="34" charset="0"/>
              </a:rPr>
              <a:t>Tony Baker</a:t>
            </a:r>
          </a:p>
          <a:p>
            <a:pPr algn="ctr"/>
            <a:r>
              <a:rPr lang="en-US" dirty="0">
                <a:latin typeface="Helvetica" panose="020B0604020202020204" pitchFamily="34" charset="0"/>
                <a:cs typeface="Helvetica" panose="020B0604020202020204" pitchFamily="34" charset="0"/>
                <a:hlinkClick r:id="rId4"/>
              </a:rPr>
              <a:t>tbaker@results.org</a:t>
            </a:r>
            <a:r>
              <a:rPr lang="en-US" dirty="0">
                <a:latin typeface="Helvetica" panose="020B0604020202020204" pitchFamily="34" charset="0"/>
                <a:cs typeface="Helvetica" panose="020B0604020202020204" pitchFamily="34" charset="0"/>
              </a:rPr>
              <a:t> </a:t>
            </a:r>
          </a:p>
          <a:p>
            <a:pPr algn="ctr"/>
            <a:endParaRPr lang="en-US" dirty="0">
              <a:latin typeface="Helvetica" panose="020B0604020202020204" pitchFamily="34" charset="0"/>
              <a:cs typeface="Helvetica" panose="020B0604020202020204" pitchFamily="34" charset="0"/>
            </a:endParaRPr>
          </a:p>
          <a:p>
            <a:pPr algn="ctr"/>
            <a:r>
              <a:rPr lang="en-US" dirty="0">
                <a:latin typeface="Helvetica" panose="020B0604020202020204" pitchFamily="34" charset="0"/>
                <a:cs typeface="Helvetica" panose="020B0604020202020204" pitchFamily="34" charset="0"/>
              </a:rPr>
              <a:t>Ally Krupar</a:t>
            </a:r>
          </a:p>
          <a:p>
            <a:pPr algn="ctr"/>
            <a:r>
              <a:rPr lang="en-US" dirty="0">
                <a:latin typeface="Helvetica" panose="020B0604020202020204" pitchFamily="34" charset="0"/>
                <a:cs typeface="Helvetica" panose="020B0604020202020204" pitchFamily="34" charset="0"/>
                <a:hlinkClick r:id="rId5"/>
              </a:rPr>
              <a:t>Akrupar@results.org</a:t>
            </a:r>
            <a:endParaRPr lang="en-US" dirty="0">
              <a:latin typeface="Helvetica" panose="020B0604020202020204" pitchFamily="34" charset="0"/>
              <a:cs typeface="Helvetica" panose="020B0604020202020204" pitchFamily="34" charset="0"/>
            </a:endParaRPr>
          </a:p>
          <a:p>
            <a:pPr algn="ctr"/>
            <a:endParaRPr lang="en-US" dirty="0">
              <a:latin typeface="Helvetica" panose="020B0604020202020204" pitchFamily="34" charset="0"/>
              <a:cs typeface="Helvetica" panose="020B0604020202020204" pitchFamily="34" charset="0"/>
            </a:endParaRPr>
          </a:p>
          <a:p>
            <a:pPr algn="ctr"/>
            <a:r>
              <a:rPr lang="en-US" dirty="0">
                <a:latin typeface="Helvetica" panose="020B0604020202020204" pitchFamily="34" charset="0"/>
                <a:cs typeface="Helvetica" panose="020B0604020202020204" pitchFamily="34" charset="0"/>
              </a:rPr>
              <a:t>Milagros Lechleiter</a:t>
            </a:r>
          </a:p>
          <a:p>
            <a:pPr algn="ctr"/>
            <a:r>
              <a:rPr lang="en-US" dirty="0">
                <a:latin typeface="Helvetica" panose="020B0604020202020204" pitchFamily="34" charset="0"/>
                <a:cs typeface="Helvetica" panose="020B0604020202020204" pitchFamily="34" charset="0"/>
                <a:hlinkClick r:id="rId6"/>
              </a:rPr>
              <a:t>mlechleiter@results.org</a:t>
            </a:r>
            <a:endParaRPr lang="en-US" dirty="0">
              <a:latin typeface="Helvetica" panose="020B0604020202020204" pitchFamily="34" charset="0"/>
              <a:cs typeface="Helvetica" panose="020B0604020202020204" pitchFamily="34" charset="0"/>
            </a:endParaRPr>
          </a:p>
          <a:p>
            <a:pPr algn="ctr"/>
            <a:r>
              <a:rPr lang="en-US" dirty="0">
                <a:latin typeface="Helvetica" panose="020B0604020202020204" pitchFamily="34" charset="0"/>
                <a:cs typeface="Helvetica" panose="020B0604020202020204" pitchFamily="34" charset="0"/>
              </a:rPr>
              <a:t> </a:t>
            </a:r>
          </a:p>
        </p:txBody>
      </p:sp>
      <p:sp>
        <p:nvSpPr>
          <p:cNvPr id="6" name="Subtitle 1"/>
          <p:cNvSpPr txBox="1">
            <a:spLocks/>
          </p:cNvSpPr>
          <p:nvPr/>
        </p:nvSpPr>
        <p:spPr>
          <a:xfrm>
            <a:off x="904658" y="5300891"/>
            <a:ext cx="10958468" cy="1012484"/>
          </a:xfrm>
          <a:prstGeom prst="rect">
            <a:avLst/>
          </a:prstGeom>
        </p:spPr>
        <p:txBody>
          <a:bodyPr vert="horz" lIns="68580" tIns="34290" rIns="68580" bIns="3429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3200">
                <a:solidFill>
                  <a:srgbClr val="AF1F2C"/>
                </a:solidFill>
                <a:latin typeface="Helvetica" panose="020B0604020202020204" pitchFamily="34" charset="0"/>
                <a:cs typeface="Helvetica" panose="020B0604020202020204" pitchFamily="34" charset="0"/>
              </a:rPr>
              <a:t>Questions? Comments? Suggestions?</a:t>
            </a:r>
          </a:p>
        </p:txBody>
      </p:sp>
      <p:sp>
        <p:nvSpPr>
          <p:cNvPr id="16" name="Rectangle 15"/>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7" name="Picture 16"/>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8" name="Picture 1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9" name="Rectangle 18"/>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20" name="Picture 19"/>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21" name="Picture 20"/>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Tree>
    <p:extLst>
      <p:ext uri="{BB962C8B-B14F-4D97-AF65-F5344CB8AC3E}">
        <p14:creationId xmlns:p14="http://schemas.microsoft.com/office/powerpoint/2010/main" val="89805700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https://rtei-production.s3.amazonaws.com/images/eva_rinaldi.original.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72" y="-30259"/>
            <a:ext cx="12199172" cy="8108968"/>
          </a:xfrm>
          <a:prstGeom prst="rect">
            <a:avLst/>
          </a:prstGeom>
          <a:noFill/>
          <a:extLst>
            <a:ext uri="{909E8E84-426E-40DD-AFC4-6F175D3DCCD1}">
              <a14:hiddenFill xmlns:a14="http://schemas.microsoft.com/office/drawing/2010/main">
                <a:solidFill>
                  <a:srgbClr val="FFFFFF"/>
                </a:solidFill>
              </a14:hiddenFill>
            </a:ext>
          </a:extLst>
        </p:spPr>
      </p:pic>
      <p:sp>
        <p:nvSpPr>
          <p:cNvPr id="52" name="Rectangle 32"/>
          <p:cNvSpPr>
            <a:spLocks noChangeArrowheads="1"/>
          </p:cNvSpPr>
          <p:nvPr/>
        </p:nvSpPr>
        <p:spPr bwMode="auto">
          <a:xfrm>
            <a:off x="-36659" y="-120061"/>
            <a:ext cx="12327896" cy="8288571"/>
          </a:xfrm>
          <a:prstGeom prst="rect">
            <a:avLst/>
          </a:prstGeom>
          <a:solidFill>
            <a:srgbClr val="FFFFFF">
              <a:alpha val="85098"/>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0" name="Down Arrow 49"/>
          <p:cNvSpPr/>
          <p:nvPr/>
        </p:nvSpPr>
        <p:spPr>
          <a:xfrm rot="3094718">
            <a:off x="9146042" y="2537356"/>
            <a:ext cx="822960" cy="2855395"/>
          </a:xfrm>
          <a:prstGeom prst="down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Down Arrow 48"/>
          <p:cNvSpPr/>
          <p:nvPr/>
        </p:nvSpPr>
        <p:spPr>
          <a:xfrm rot="2567869">
            <a:off x="7747494" y="3528346"/>
            <a:ext cx="822960" cy="1251025"/>
          </a:xfrm>
          <a:prstGeom prst="downArrow">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Down Arrow 47"/>
          <p:cNvSpPr/>
          <p:nvPr/>
        </p:nvSpPr>
        <p:spPr>
          <a:xfrm>
            <a:off x="6360817" y="3200286"/>
            <a:ext cx="822960" cy="1251025"/>
          </a:xfrm>
          <a:prstGeom prst="downArrow">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Down Arrow 46"/>
          <p:cNvSpPr/>
          <p:nvPr/>
        </p:nvSpPr>
        <p:spPr>
          <a:xfrm>
            <a:off x="4482745" y="2506065"/>
            <a:ext cx="822960" cy="2015057"/>
          </a:xfrm>
          <a:prstGeom prst="downArrow">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Down Arrow 45"/>
          <p:cNvSpPr/>
          <p:nvPr/>
        </p:nvSpPr>
        <p:spPr>
          <a:xfrm rot="18412276">
            <a:off x="2881705" y="2849545"/>
            <a:ext cx="822960" cy="2209096"/>
          </a:xfrm>
          <a:prstGeom prst="downArrow">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1657734" y="350581"/>
            <a:ext cx="1441066" cy="369332"/>
          </a:xfrm>
          <a:prstGeom prst="rect">
            <a:avLst/>
          </a:prstGeom>
          <a:solidFill>
            <a:schemeClr val="accent1">
              <a:lumMod val="20000"/>
              <a:lumOff val="80000"/>
            </a:schemeClr>
          </a:solidFill>
        </p:spPr>
        <p:txBody>
          <a:bodyPr wrap="square" rtlCol="0">
            <a:spAutoFit/>
          </a:bodyPr>
          <a:lstStyle/>
          <a:p>
            <a:pPr algn="ctr"/>
            <a:r>
              <a:rPr lang="en-US" dirty="0">
                <a:latin typeface="Helvetica" panose="020B0604020202020204" pitchFamily="34" charset="0"/>
                <a:cs typeface="Helvetica" panose="020B0604020202020204" pitchFamily="34" charset="0"/>
              </a:rPr>
              <a:t>Governance</a:t>
            </a:r>
          </a:p>
        </p:txBody>
      </p:sp>
      <p:sp>
        <p:nvSpPr>
          <p:cNvPr id="9" name="TextBox 8"/>
          <p:cNvSpPr txBox="1"/>
          <p:nvPr/>
        </p:nvSpPr>
        <p:spPr>
          <a:xfrm>
            <a:off x="9785215" y="349570"/>
            <a:ext cx="1441066" cy="369332"/>
          </a:xfrm>
          <a:prstGeom prst="rect">
            <a:avLst/>
          </a:prstGeom>
          <a:solidFill>
            <a:schemeClr val="bg2"/>
          </a:solidFill>
        </p:spPr>
        <p:txBody>
          <a:bodyPr wrap="square" rtlCol="0">
            <a:spAutoFit/>
          </a:bodyPr>
          <a:lstStyle/>
          <a:p>
            <a:pPr algn="ctr"/>
            <a:r>
              <a:rPr lang="en-US" dirty="0">
                <a:latin typeface="Helvetica" panose="020B0604020202020204" pitchFamily="34" charset="0"/>
                <a:cs typeface="Helvetica" panose="020B0604020202020204" pitchFamily="34" charset="0"/>
              </a:rPr>
              <a:t>Adaptability</a:t>
            </a:r>
          </a:p>
        </p:txBody>
      </p:sp>
      <p:sp>
        <p:nvSpPr>
          <p:cNvPr id="10" name="TextBox 9"/>
          <p:cNvSpPr txBox="1"/>
          <p:nvPr/>
        </p:nvSpPr>
        <p:spPr>
          <a:xfrm>
            <a:off x="7782013" y="334580"/>
            <a:ext cx="1508749" cy="369332"/>
          </a:xfrm>
          <a:prstGeom prst="rect">
            <a:avLst/>
          </a:prstGeom>
          <a:solidFill>
            <a:schemeClr val="accent6">
              <a:lumMod val="20000"/>
              <a:lumOff val="80000"/>
            </a:schemeClr>
          </a:solidFill>
        </p:spPr>
        <p:txBody>
          <a:bodyPr wrap="square" rtlCol="0">
            <a:spAutoFit/>
          </a:bodyPr>
          <a:lstStyle/>
          <a:p>
            <a:pPr algn="ctr"/>
            <a:r>
              <a:rPr lang="en-US" dirty="0">
                <a:latin typeface="Helvetica" panose="020B0604020202020204" pitchFamily="34" charset="0"/>
                <a:cs typeface="Helvetica" panose="020B0604020202020204" pitchFamily="34" charset="0"/>
              </a:rPr>
              <a:t>Acceptability</a:t>
            </a:r>
          </a:p>
        </p:txBody>
      </p:sp>
      <p:sp>
        <p:nvSpPr>
          <p:cNvPr id="11" name="TextBox 10"/>
          <p:cNvSpPr txBox="1"/>
          <p:nvPr/>
        </p:nvSpPr>
        <p:spPr>
          <a:xfrm>
            <a:off x="6168812" y="337522"/>
            <a:ext cx="1441066" cy="369332"/>
          </a:xfrm>
          <a:prstGeom prst="rect">
            <a:avLst/>
          </a:prstGeom>
          <a:solidFill>
            <a:schemeClr val="accent4">
              <a:lumMod val="20000"/>
              <a:lumOff val="80000"/>
            </a:schemeClr>
          </a:solidFill>
        </p:spPr>
        <p:txBody>
          <a:bodyPr wrap="square" rtlCol="0">
            <a:spAutoFit/>
          </a:bodyPr>
          <a:lstStyle/>
          <a:p>
            <a:pPr algn="ctr"/>
            <a:r>
              <a:rPr lang="en-US" dirty="0">
                <a:latin typeface="Helvetica" panose="020B0604020202020204" pitchFamily="34" charset="0"/>
                <a:cs typeface="Helvetica" panose="020B0604020202020204" pitchFamily="34" charset="0"/>
              </a:rPr>
              <a:t>Accessibility</a:t>
            </a:r>
          </a:p>
        </p:txBody>
      </p:sp>
      <p:sp>
        <p:nvSpPr>
          <p:cNvPr id="12" name="TextBox 11"/>
          <p:cNvSpPr txBox="1"/>
          <p:nvPr/>
        </p:nvSpPr>
        <p:spPr>
          <a:xfrm>
            <a:off x="4102268" y="349570"/>
            <a:ext cx="1463040" cy="369332"/>
          </a:xfrm>
          <a:prstGeom prst="rect">
            <a:avLst/>
          </a:prstGeom>
          <a:solidFill>
            <a:schemeClr val="accent2">
              <a:lumMod val="20000"/>
              <a:lumOff val="80000"/>
            </a:schemeClr>
          </a:solidFill>
        </p:spPr>
        <p:txBody>
          <a:bodyPr wrap="square" rtlCol="0">
            <a:spAutoFit/>
          </a:bodyPr>
          <a:lstStyle/>
          <a:p>
            <a:pPr algn="ctr"/>
            <a:r>
              <a:rPr lang="en-US" dirty="0">
                <a:latin typeface="Helvetica" panose="020B0604020202020204" pitchFamily="34" charset="0"/>
                <a:cs typeface="Helvetica" panose="020B0604020202020204" pitchFamily="34" charset="0"/>
              </a:rPr>
              <a:t>Availability</a:t>
            </a:r>
          </a:p>
        </p:txBody>
      </p:sp>
      <p:sp>
        <p:nvSpPr>
          <p:cNvPr id="13" name="TextBox 12"/>
          <p:cNvSpPr txBox="1"/>
          <p:nvPr/>
        </p:nvSpPr>
        <p:spPr>
          <a:xfrm>
            <a:off x="305218" y="322088"/>
            <a:ext cx="1441066" cy="369332"/>
          </a:xfrm>
          <a:prstGeom prst="rect">
            <a:avLst/>
          </a:prstGeom>
          <a:noFill/>
        </p:spPr>
        <p:txBody>
          <a:bodyPr wrap="square" rtlCol="0">
            <a:spAutoFit/>
          </a:bodyPr>
          <a:lstStyle/>
          <a:p>
            <a:r>
              <a:rPr lang="en-US" b="1" dirty="0">
                <a:latin typeface="Helvetica" panose="020B0604020202020204" pitchFamily="34" charset="0"/>
                <a:cs typeface="Helvetica" panose="020B0604020202020204" pitchFamily="34" charset="0"/>
              </a:rPr>
              <a:t>Theme</a:t>
            </a:r>
          </a:p>
        </p:txBody>
      </p:sp>
      <p:sp>
        <p:nvSpPr>
          <p:cNvPr id="14" name="TextBox 13"/>
          <p:cNvSpPr txBox="1"/>
          <p:nvPr/>
        </p:nvSpPr>
        <p:spPr>
          <a:xfrm rot="16200000">
            <a:off x="-193398" y="1393522"/>
            <a:ext cx="1441066" cy="369332"/>
          </a:xfrm>
          <a:prstGeom prst="rect">
            <a:avLst/>
          </a:prstGeom>
          <a:noFill/>
        </p:spPr>
        <p:txBody>
          <a:bodyPr wrap="square" rtlCol="0">
            <a:spAutoFit/>
          </a:bodyPr>
          <a:lstStyle/>
          <a:p>
            <a:r>
              <a:rPr lang="en-US" b="1" dirty="0">
                <a:latin typeface="Helvetica" panose="020B0604020202020204" pitchFamily="34" charset="0"/>
                <a:cs typeface="Helvetica" panose="020B0604020202020204" pitchFamily="34" charset="0"/>
              </a:rPr>
              <a:t>Subtheme</a:t>
            </a:r>
          </a:p>
        </p:txBody>
      </p:sp>
      <p:sp>
        <p:nvSpPr>
          <p:cNvPr id="19" name="TextBox 18"/>
          <p:cNvSpPr txBox="1"/>
          <p:nvPr/>
        </p:nvSpPr>
        <p:spPr>
          <a:xfrm>
            <a:off x="1104605" y="799559"/>
            <a:ext cx="1280160" cy="861774"/>
          </a:xfrm>
          <a:prstGeom prst="rect">
            <a:avLst/>
          </a:prstGeom>
          <a:solidFill>
            <a:schemeClr val="accent1">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International Framework</a:t>
            </a:r>
          </a:p>
          <a:p>
            <a:r>
              <a:rPr lang="en-US" sz="1100" dirty="0">
                <a:latin typeface="Helvetica" panose="020B0604020202020204" pitchFamily="34" charset="0"/>
                <a:cs typeface="Helvetica" panose="020B0604020202020204" pitchFamily="34" charset="0"/>
              </a:rPr>
              <a:t>-5 Questions</a:t>
            </a:r>
          </a:p>
          <a:p>
            <a:r>
              <a:rPr lang="en-US" sz="1100" dirty="0">
                <a:latin typeface="Helvetica" panose="020B0604020202020204" pitchFamily="34" charset="0"/>
                <a:cs typeface="Helvetica" panose="020B0604020202020204" pitchFamily="34" charset="0"/>
              </a:rPr>
              <a:t>-32 data points</a:t>
            </a:r>
          </a:p>
        </p:txBody>
      </p:sp>
      <p:sp>
        <p:nvSpPr>
          <p:cNvPr id="20" name="TextBox 19"/>
          <p:cNvSpPr txBox="1"/>
          <p:nvPr/>
        </p:nvSpPr>
        <p:spPr>
          <a:xfrm>
            <a:off x="1076224" y="2379670"/>
            <a:ext cx="1280160" cy="646331"/>
          </a:xfrm>
          <a:prstGeom prst="rect">
            <a:avLst/>
          </a:prstGeom>
          <a:solidFill>
            <a:schemeClr val="accent1">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Financing</a:t>
            </a:r>
          </a:p>
          <a:p>
            <a:r>
              <a:rPr lang="en-US" sz="1100" dirty="0">
                <a:latin typeface="Helvetica" panose="020B0604020202020204" pitchFamily="34" charset="0"/>
                <a:cs typeface="Helvetica" panose="020B0604020202020204" pitchFamily="34" charset="0"/>
              </a:rPr>
              <a:t>-7 Questions</a:t>
            </a:r>
          </a:p>
          <a:p>
            <a:r>
              <a:rPr lang="en-US" sz="1100" dirty="0">
                <a:latin typeface="Helvetica" panose="020B0604020202020204" pitchFamily="34" charset="0"/>
                <a:cs typeface="Helvetica" panose="020B0604020202020204" pitchFamily="34" charset="0"/>
              </a:rPr>
              <a:t>-12 data points</a:t>
            </a:r>
          </a:p>
        </p:txBody>
      </p:sp>
      <p:sp>
        <p:nvSpPr>
          <p:cNvPr id="21" name="TextBox 20"/>
          <p:cNvSpPr txBox="1"/>
          <p:nvPr/>
        </p:nvSpPr>
        <p:spPr>
          <a:xfrm>
            <a:off x="2448061" y="1706612"/>
            <a:ext cx="1188720" cy="822960"/>
          </a:xfrm>
          <a:prstGeom prst="rect">
            <a:avLst/>
          </a:prstGeom>
          <a:solidFill>
            <a:schemeClr val="accent1">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Monitoring &amp; reporting</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4 data points</a:t>
            </a:r>
          </a:p>
        </p:txBody>
      </p:sp>
      <p:sp>
        <p:nvSpPr>
          <p:cNvPr id="22" name="TextBox 21"/>
          <p:cNvSpPr txBox="1"/>
          <p:nvPr/>
        </p:nvSpPr>
        <p:spPr>
          <a:xfrm>
            <a:off x="1096923" y="1707375"/>
            <a:ext cx="1280160" cy="646331"/>
          </a:xfrm>
          <a:prstGeom prst="rect">
            <a:avLst/>
          </a:prstGeom>
          <a:solidFill>
            <a:schemeClr val="accent1">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Plan of action</a:t>
            </a:r>
          </a:p>
          <a:p>
            <a:r>
              <a:rPr lang="en-US" sz="1100" dirty="0">
                <a:latin typeface="Helvetica" panose="020B0604020202020204" pitchFamily="34" charset="0"/>
                <a:cs typeface="Helvetica" panose="020B0604020202020204" pitchFamily="34" charset="0"/>
              </a:rPr>
              <a:t>-3 Questions</a:t>
            </a:r>
          </a:p>
          <a:p>
            <a:r>
              <a:rPr lang="en-US" sz="1100" dirty="0">
                <a:latin typeface="Helvetica" panose="020B0604020202020204" pitchFamily="34" charset="0"/>
                <a:cs typeface="Helvetica" panose="020B0604020202020204" pitchFamily="34" charset="0"/>
              </a:rPr>
              <a:t>-3 data points</a:t>
            </a:r>
          </a:p>
        </p:txBody>
      </p:sp>
      <p:sp>
        <p:nvSpPr>
          <p:cNvPr id="23" name="TextBox 22"/>
          <p:cNvSpPr txBox="1"/>
          <p:nvPr/>
        </p:nvSpPr>
        <p:spPr>
          <a:xfrm>
            <a:off x="2439324" y="815621"/>
            <a:ext cx="1188720" cy="640080"/>
          </a:xfrm>
          <a:prstGeom prst="rect">
            <a:avLst/>
          </a:prstGeom>
          <a:solidFill>
            <a:schemeClr val="accent1">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National law</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7 data points</a:t>
            </a:r>
          </a:p>
        </p:txBody>
      </p:sp>
      <p:sp>
        <p:nvSpPr>
          <p:cNvPr id="24" name="TextBox 23"/>
          <p:cNvSpPr txBox="1"/>
          <p:nvPr/>
        </p:nvSpPr>
        <p:spPr>
          <a:xfrm>
            <a:off x="4946017" y="1706451"/>
            <a:ext cx="1161288" cy="646331"/>
          </a:xfrm>
          <a:prstGeom prst="rect">
            <a:avLst/>
          </a:prstGeom>
          <a:solidFill>
            <a:schemeClr val="accent2">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Textbooks</a:t>
            </a:r>
          </a:p>
          <a:p>
            <a:r>
              <a:rPr lang="en-US" sz="1100" dirty="0">
                <a:latin typeface="Helvetica" panose="020B0604020202020204" pitchFamily="34" charset="0"/>
                <a:cs typeface="Helvetica" panose="020B0604020202020204" pitchFamily="34" charset="0"/>
              </a:rPr>
              <a:t>-2 Questions</a:t>
            </a:r>
          </a:p>
          <a:p>
            <a:r>
              <a:rPr lang="en-US" sz="1100" dirty="0">
                <a:latin typeface="Helvetica" panose="020B0604020202020204" pitchFamily="34" charset="0"/>
                <a:cs typeface="Helvetica" panose="020B0604020202020204" pitchFamily="34" charset="0"/>
              </a:rPr>
              <a:t>-4 data points</a:t>
            </a:r>
          </a:p>
        </p:txBody>
      </p:sp>
      <p:sp>
        <p:nvSpPr>
          <p:cNvPr id="25" name="TextBox 24"/>
          <p:cNvSpPr txBox="1"/>
          <p:nvPr/>
        </p:nvSpPr>
        <p:spPr>
          <a:xfrm>
            <a:off x="3697836" y="1702939"/>
            <a:ext cx="1188720" cy="646331"/>
          </a:xfrm>
          <a:prstGeom prst="rect">
            <a:avLst/>
          </a:prstGeom>
          <a:solidFill>
            <a:schemeClr val="accent2">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Teachers</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9 data points</a:t>
            </a:r>
          </a:p>
        </p:txBody>
      </p:sp>
      <p:sp>
        <p:nvSpPr>
          <p:cNvPr id="26" name="TextBox 25"/>
          <p:cNvSpPr txBox="1"/>
          <p:nvPr/>
        </p:nvSpPr>
        <p:spPr>
          <a:xfrm>
            <a:off x="4935544" y="805550"/>
            <a:ext cx="1164068" cy="646331"/>
          </a:xfrm>
          <a:prstGeom prst="rect">
            <a:avLst/>
          </a:prstGeom>
          <a:solidFill>
            <a:schemeClr val="accent2">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Sanitation</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12 data points</a:t>
            </a:r>
          </a:p>
        </p:txBody>
      </p:sp>
      <p:sp>
        <p:nvSpPr>
          <p:cNvPr id="27" name="TextBox 26"/>
          <p:cNvSpPr txBox="1"/>
          <p:nvPr/>
        </p:nvSpPr>
        <p:spPr>
          <a:xfrm>
            <a:off x="3680651" y="816316"/>
            <a:ext cx="1190672" cy="646331"/>
          </a:xfrm>
          <a:prstGeom prst="rect">
            <a:avLst/>
          </a:prstGeom>
          <a:solidFill>
            <a:schemeClr val="accent2">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Classrooms</a:t>
            </a:r>
          </a:p>
          <a:p>
            <a:r>
              <a:rPr lang="en-US" sz="1100" dirty="0">
                <a:latin typeface="Helvetica" panose="020B0604020202020204" pitchFamily="34" charset="0"/>
                <a:cs typeface="Helvetica" panose="020B0604020202020204" pitchFamily="34" charset="0"/>
              </a:rPr>
              <a:t>-2 Questions</a:t>
            </a:r>
          </a:p>
          <a:p>
            <a:r>
              <a:rPr lang="en-US" sz="1100" dirty="0">
                <a:latin typeface="Helvetica" panose="020B0604020202020204" pitchFamily="34" charset="0"/>
                <a:cs typeface="Helvetica" panose="020B0604020202020204" pitchFamily="34" charset="0"/>
              </a:rPr>
              <a:t>-6 data points</a:t>
            </a:r>
          </a:p>
        </p:txBody>
      </p:sp>
      <p:sp>
        <p:nvSpPr>
          <p:cNvPr id="28" name="TextBox 27"/>
          <p:cNvSpPr txBox="1"/>
          <p:nvPr/>
        </p:nvSpPr>
        <p:spPr>
          <a:xfrm>
            <a:off x="6169217" y="2418642"/>
            <a:ext cx="1435608" cy="646331"/>
          </a:xfrm>
          <a:prstGeom prst="rect">
            <a:avLst/>
          </a:prstGeom>
          <a:solidFill>
            <a:schemeClr val="accent4">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Participation</a:t>
            </a:r>
          </a:p>
          <a:p>
            <a:r>
              <a:rPr lang="en-US" sz="1100" dirty="0">
                <a:latin typeface="Helvetica" panose="020B0604020202020204" pitchFamily="34" charset="0"/>
                <a:cs typeface="Helvetica" panose="020B0604020202020204" pitchFamily="34" charset="0"/>
              </a:rPr>
              <a:t>-3 Questions</a:t>
            </a:r>
          </a:p>
          <a:p>
            <a:r>
              <a:rPr lang="en-US" sz="1100" dirty="0">
                <a:latin typeface="Helvetica" panose="020B0604020202020204" pitchFamily="34" charset="0"/>
                <a:cs typeface="Helvetica" panose="020B0604020202020204" pitchFamily="34" charset="0"/>
              </a:rPr>
              <a:t>-10 data points</a:t>
            </a:r>
          </a:p>
        </p:txBody>
      </p:sp>
      <p:sp>
        <p:nvSpPr>
          <p:cNvPr id="29" name="TextBox 28"/>
          <p:cNvSpPr txBox="1"/>
          <p:nvPr/>
        </p:nvSpPr>
        <p:spPr>
          <a:xfrm>
            <a:off x="6174830" y="1720270"/>
            <a:ext cx="1435608" cy="646331"/>
          </a:xfrm>
          <a:prstGeom prst="rect">
            <a:avLst/>
          </a:prstGeom>
          <a:solidFill>
            <a:schemeClr val="accent4">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Discrimination</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19 data points</a:t>
            </a:r>
          </a:p>
        </p:txBody>
      </p:sp>
      <p:sp>
        <p:nvSpPr>
          <p:cNvPr id="30" name="TextBox 29"/>
          <p:cNvSpPr txBox="1"/>
          <p:nvPr/>
        </p:nvSpPr>
        <p:spPr>
          <a:xfrm>
            <a:off x="6175890" y="819268"/>
            <a:ext cx="1433988" cy="646331"/>
          </a:xfrm>
          <a:prstGeom prst="rect">
            <a:avLst/>
          </a:prstGeom>
          <a:solidFill>
            <a:schemeClr val="accent4">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Free education</a:t>
            </a:r>
          </a:p>
          <a:p>
            <a:r>
              <a:rPr lang="en-US" sz="1100" dirty="0">
                <a:latin typeface="Helvetica" panose="020B0604020202020204" pitchFamily="34" charset="0"/>
                <a:cs typeface="Helvetica" panose="020B0604020202020204" pitchFamily="34" charset="0"/>
              </a:rPr>
              <a:t>-6 Questions</a:t>
            </a:r>
          </a:p>
          <a:p>
            <a:r>
              <a:rPr lang="en-US" sz="1100" dirty="0">
                <a:latin typeface="Helvetica" panose="020B0604020202020204" pitchFamily="34" charset="0"/>
                <a:cs typeface="Helvetica" panose="020B0604020202020204" pitchFamily="34" charset="0"/>
              </a:rPr>
              <a:t>-7 data points</a:t>
            </a:r>
          </a:p>
        </p:txBody>
      </p:sp>
      <p:sp>
        <p:nvSpPr>
          <p:cNvPr id="31" name="TextBox 30"/>
          <p:cNvSpPr txBox="1"/>
          <p:nvPr/>
        </p:nvSpPr>
        <p:spPr>
          <a:xfrm>
            <a:off x="7939636" y="1701030"/>
            <a:ext cx="1219353" cy="861774"/>
          </a:xfrm>
          <a:prstGeom prst="rect">
            <a:avLst/>
          </a:prstGeom>
          <a:solidFill>
            <a:schemeClr val="accent6">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Learning environment</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4 data points</a:t>
            </a:r>
          </a:p>
        </p:txBody>
      </p:sp>
      <p:sp>
        <p:nvSpPr>
          <p:cNvPr id="32" name="TextBox 31"/>
          <p:cNvSpPr txBox="1"/>
          <p:nvPr/>
        </p:nvSpPr>
        <p:spPr>
          <a:xfrm>
            <a:off x="7939636" y="2621714"/>
            <a:ext cx="1219353" cy="861774"/>
          </a:xfrm>
          <a:prstGeom prst="rect">
            <a:avLst/>
          </a:prstGeom>
          <a:solidFill>
            <a:schemeClr val="accent6">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Learning outcomes</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96 data points</a:t>
            </a:r>
          </a:p>
        </p:txBody>
      </p:sp>
      <p:sp>
        <p:nvSpPr>
          <p:cNvPr id="33" name="TextBox 32"/>
          <p:cNvSpPr txBox="1"/>
          <p:nvPr/>
        </p:nvSpPr>
        <p:spPr>
          <a:xfrm>
            <a:off x="7939636" y="756382"/>
            <a:ext cx="1219353" cy="861774"/>
          </a:xfrm>
          <a:prstGeom prst="rect">
            <a:avLst/>
          </a:prstGeom>
          <a:solidFill>
            <a:schemeClr val="accent6">
              <a:lumMod val="20000"/>
              <a:lumOff val="80000"/>
            </a:schemeClr>
          </a:solidFill>
        </p:spPr>
        <p:txBody>
          <a:bodyPr wrap="square" rtlCol="0">
            <a:spAutoFit/>
          </a:bodyPr>
          <a:lstStyle/>
          <a:p>
            <a:r>
              <a:rPr lang="en-US" sz="1400" dirty="0">
                <a:latin typeface="Helvetica" panose="020B0604020202020204" pitchFamily="34" charset="0"/>
                <a:cs typeface="Helvetica" panose="020B0604020202020204" pitchFamily="34" charset="0"/>
              </a:rPr>
              <a:t>Aims of education</a:t>
            </a:r>
          </a:p>
          <a:p>
            <a:r>
              <a:rPr lang="en-US" sz="1100" dirty="0">
                <a:latin typeface="Helvetica" panose="020B0604020202020204" pitchFamily="34" charset="0"/>
                <a:cs typeface="Helvetica" panose="020B0604020202020204" pitchFamily="34" charset="0"/>
              </a:rPr>
              <a:t>-6 Questions</a:t>
            </a:r>
          </a:p>
          <a:p>
            <a:r>
              <a:rPr lang="en-US" sz="1100" dirty="0">
                <a:latin typeface="Helvetica" panose="020B0604020202020204" pitchFamily="34" charset="0"/>
                <a:cs typeface="Helvetica" panose="020B0604020202020204" pitchFamily="34" charset="0"/>
              </a:rPr>
              <a:t>-20 data points</a:t>
            </a:r>
          </a:p>
        </p:txBody>
      </p:sp>
      <p:sp>
        <p:nvSpPr>
          <p:cNvPr id="34" name="TextBox 33"/>
          <p:cNvSpPr txBox="1"/>
          <p:nvPr/>
        </p:nvSpPr>
        <p:spPr>
          <a:xfrm>
            <a:off x="10665873" y="1702806"/>
            <a:ext cx="1280160" cy="861774"/>
          </a:xfrm>
          <a:prstGeom prst="rect">
            <a:avLst/>
          </a:prstGeom>
          <a:solidFill>
            <a:schemeClr val="bg2"/>
          </a:solidFill>
        </p:spPr>
        <p:txBody>
          <a:bodyPr wrap="square" rtlCol="0">
            <a:spAutoFit/>
          </a:bodyPr>
          <a:lstStyle/>
          <a:p>
            <a:r>
              <a:rPr lang="en-US" sz="1400" dirty="0">
                <a:latin typeface="Helvetica" panose="020B0604020202020204" pitchFamily="34" charset="0"/>
                <a:cs typeface="Helvetica" panose="020B0604020202020204" pitchFamily="34" charset="0"/>
              </a:rPr>
              <a:t>Out of school children</a:t>
            </a:r>
          </a:p>
          <a:p>
            <a:r>
              <a:rPr lang="en-US" sz="1100" dirty="0">
                <a:latin typeface="Helvetica" panose="020B0604020202020204" pitchFamily="34" charset="0"/>
                <a:cs typeface="Helvetica" panose="020B0604020202020204" pitchFamily="34" charset="0"/>
              </a:rPr>
              <a:t>-7 Questions</a:t>
            </a:r>
          </a:p>
          <a:p>
            <a:r>
              <a:rPr lang="en-US" sz="1100" dirty="0">
                <a:latin typeface="Helvetica" panose="020B0604020202020204" pitchFamily="34" charset="0"/>
                <a:cs typeface="Helvetica" panose="020B0604020202020204" pitchFamily="34" charset="0"/>
              </a:rPr>
              <a:t>-7 data points</a:t>
            </a:r>
          </a:p>
        </p:txBody>
      </p:sp>
      <p:sp>
        <p:nvSpPr>
          <p:cNvPr id="35" name="TextBox 34"/>
          <p:cNvSpPr txBox="1"/>
          <p:nvPr/>
        </p:nvSpPr>
        <p:spPr>
          <a:xfrm>
            <a:off x="9301125" y="1702806"/>
            <a:ext cx="1280160" cy="861774"/>
          </a:xfrm>
          <a:prstGeom prst="rect">
            <a:avLst/>
          </a:prstGeom>
          <a:solidFill>
            <a:schemeClr val="bg2"/>
          </a:solidFill>
        </p:spPr>
        <p:txBody>
          <a:bodyPr wrap="square" rtlCol="0">
            <a:spAutoFit/>
          </a:bodyPr>
          <a:lstStyle/>
          <a:p>
            <a:r>
              <a:rPr lang="en-US" sz="1400" dirty="0">
                <a:latin typeface="Helvetica" panose="020B0604020202020204" pitchFamily="34" charset="0"/>
                <a:cs typeface="Helvetica" panose="020B0604020202020204" pitchFamily="34" charset="0"/>
              </a:rPr>
              <a:t>Out of school education</a:t>
            </a:r>
          </a:p>
          <a:p>
            <a:r>
              <a:rPr lang="en-US" sz="1100" dirty="0">
                <a:latin typeface="Helvetica" panose="020B0604020202020204" pitchFamily="34" charset="0"/>
                <a:cs typeface="Helvetica" panose="020B0604020202020204" pitchFamily="34" charset="0"/>
              </a:rPr>
              <a:t>-4 Questions</a:t>
            </a:r>
          </a:p>
          <a:p>
            <a:r>
              <a:rPr lang="en-US" sz="1100" dirty="0">
                <a:latin typeface="Helvetica" panose="020B0604020202020204" pitchFamily="34" charset="0"/>
                <a:cs typeface="Helvetica" panose="020B0604020202020204" pitchFamily="34" charset="0"/>
              </a:rPr>
              <a:t>-4 data points</a:t>
            </a:r>
          </a:p>
        </p:txBody>
      </p:sp>
      <p:sp>
        <p:nvSpPr>
          <p:cNvPr id="36" name="TextBox 35"/>
          <p:cNvSpPr txBox="1"/>
          <p:nvPr/>
        </p:nvSpPr>
        <p:spPr>
          <a:xfrm>
            <a:off x="10651934" y="786722"/>
            <a:ext cx="1280160" cy="861774"/>
          </a:xfrm>
          <a:prstGeom prst="rect">
            <a:avLst/>
          </a:prstGeom>
          <a:solidFill>
            <a:schemeClr val="bg2"/>
          </a:solidFill>
        </p:spPr>
        <p:txBody>
          <a:bodyPr wrap="square" rtlCol="0">
            <a:spAutoFit/>
          </a:bodyPr>
          <a:lstStyle/>
          <a:p>
            <a:r>
              <a:rPr lang="en-US" sz="1400" dirty="0">
                <a:latin typeface="Helvetica" panose="020B0604020202020204" pitchFamily="34" charset="0"/>
                <a:cs typeface="Helvetica" panose="020B0604020202020204" pitchFamily="34" charset="0"/>
              </a:rPr>
              <a:t>Children of minorities</a:t>
            </a:r>
          </a:p>
          <a:p>
            <a:r>
              <a:rPr lang="en-US" sz="1100" dirty="0">
                <a:latin typeface="Helvetica" panose="020B0604020202020204" pitchFamily="34" charset="0"/>
                <a:cs typeface="Helvetica" panose="020B0604020202020204" pitchFamily="34" charset="0"/>
              </a:rPr>
              <a:t>-3 Questions</a:t>
            </a:r>
          </a:p>
          <a:p>
            <a:r>
              <a:rPr lang="en-US" sz="1100" dirty="0">
                <a:latin typeface="Helvetica" panose="020B0604020202020204" pitchFamily="34" charset="0"/>
                <a:cs typeface="Helvetica" panose="020B0604020202020204" pitchFamily="34" charset="0"/>
              </a:rPr>
              <a:t>-4 data points</a:t>
            </a:r>
          </a:p>
        </p:txBody>
      </p:sp>
      <p:sp>
        <p:nvSpPr>
          <p:cNvPr id="37" name="TextBox 36"/>
          <p:cNvSpPr txBox="1"/>
          <p:nvPr/>
        </p:nvSpPr>
        <p:spPr>
          <a:xfrm>
            <a:off x="9303725" y="774174"/>
            <a:ext cx="1280160" cy="861774"/>
          </a:xfrm>
          <a:prstGeom prst="rect">
            <a:avLst/>
          </a:prstGeom>
          <a:solidFill>
            <a:schemeClr val="bg2"/>
          </a:solidFill>
        </p:spPr>
        <p:txBody>
          <a:bodyPr wrap="square" rtlCol="0">
            <a:spAutoFit/>
          </a:bodyPr>
          <a:lstStyle/>
          <a:p>
            <a:r>
              <a:rPr lang="en-US" sz="1400" dirty="0">
                <a:latin typeface="Helvetica" panose="020B0604020202020204" pitchFamily="34" charset="0"/>
                <a:cs typeface="Helvetica" panose="020B0604020202020204" pitchFamily="34" charset="0"/>
              </a:rPr>
              <a:t>Children with disabilities</a:t>
            </a:r>
          </a:p>
          <a:p>
            <a:r>
              <a:rPr lang="en-US" sz="1100" dirty="0">
                <a:latin typeface="Helvetica" panose="020B0604020202020204" pitchFamily="34" charset="0"/>
                <a:cs typeface="Helvetica" panose="020B0604020202020204" pitchFamily="34" charset="0"/>
              </a:rPr>
              <a:t>-3 Questions</a:t>
            </a:r>
          </a:p>
          <a:p>
            <a:r>
              <a:rPr lang="en-US" sz="1100" dirty="0">
                <a:latin typeface="Helvetica" panose="020B0604020202020204" pitchFamily="34" charset="0"/>
                <a:cs typeface="Helvetica" panose="020B0604020202020204" pitchFamily="34" charset="0"/>
              </a:rPr>
              <a:t>-5 data points</a:t>
            </a:r>
          </a:p>
        </p:txBody>
      </p:sp>
      <p:sp>
        <p:nvSpPr>
          <p:cNvPr id="38" name="TextBox 37"/>
          <p:cNvSpPr txBox="1"/>
          <p:nvPr/>
        </p:nvSpPr>
        <p:spPr>
          <a:xfrm rot="16200000">
            <a:off x="-250096" y="3937682"/>
            <a:ext cx="1621674" cy="369332"/>
          </a:xfrm>
          <a:prstGeom prst="rect">
            <a:avLst/>
          </a:prstGeom>
          <a:noFill/>
        </p:spPr>
        <p:txBody>
          <a:bodyPr wrap="square" rtlCol="0">
            <a:spAutoFit/>
          </a:bodyPr>
          <a:lstStyle/>
          <a:p>
            <a:r>
              <a:rPr lang="en-US" b="1" dirty="0">
                <a:latin typeface="Helvetica" panose="020B0604020202020204" pitchFamily="34" charset="0"/>
                <a:cs typeface="Helvetica" panose="020B0604020202020204" pitchFamily="34" charset="0"/>
              </a:rPr>
              <a:t>Calculations</a:t>
            </a:r>
          </a:p>
        </p:txBody>
      </p:sp>
      <p:sp>
        <p:nvSpPr>
          <p:cNvPr id="39" name="TextBox 38"/>
          <p:cNvSpPr txBox="1"/>
          <p:nvPr/>
        </p:nvSpPr>
        <p:spPr>
          <a:xfrm>
            <a:off x="1612914" y="3590241"/>
            <a:ext cx="9797768" cy="1323439"/>
          </a:xfrm>
          <a:prstGeom prst="rect">
            <a:avLst/>
          </a:prstGeom>
          <a:noFill/>
        </p:spPr>
        <p:txBody>
          <a:bodyPr wrap="square" rtlCol="0">
            <a:spAutoFit/>
          </a:bodyPr>
          <a:lstStyle/>
          <a:p>
            <a:pPr algn="ctr"/>
            <a:r>
              <a:rPr lang="en-US" sz="1600" dirty="0">
                <a:latin typeface="Helvetica" panose="020B0604020202020204" pitchFamily="34" charset="0"/>
                <a:cs typeface="Helvetica" panose="020B0604020202020204" pitchFamily="34" charset="0"/>
              </a:rPr>
              <a:t>0 to 1 scale (0 = right to education is lacking, 1 = right to education is satisfied) </a:t>
            </a:r>
          </a:p>
          <a:p>
            <a:pPr algn="ctr"/>
            <a:r>
              <a:rPr lang="en-US" sz="1600" dirty="0">
                <a:latin typeface="Helvetica" panose="020B0604020202020204" pitchFamily="34" charset="0"/>
                <a:cs typeface="Helvetica" panose="020B0604020202020204" pitchFamily="34" charset="0"/>
              </a:rPr>
              <a:t>National and international benchmarks where denominators for ratios (</a:t>
            </a:r>
            <a:r>
              <a:rPr lang="en-US" sz="1600" dirty="0" err="1">
                <a:latin typeface="Helvetica" panose="020B0604020202020204" pitchFamily="34" charset="0"/>
                <a:cs typeface="Helvetica" panose="020B0604020202020204" pitchFamily="34" charset="0"/>
              </a:rPr>
              <a:t>ie</a:t>
            </a:r>
            <a:r>
              <a:rPr lang="en-US" sz="1600" dirty="0">
                <a:latin typeface="Helvetica" panose="020B0604020202020204" pitchFamily="34" charset="0"/>
                <a:cs typeface="Helvetica" panose="020B0604020202020204" pitchFamily="34" charset="0"/>
              </a:rPr>
              <a:t>. </a:t>
            </a:r>
            <a:r>
              <a:rPr lang="en-US" sz="1600" dirty="0" err="1">
                <a:latin typeface="Helvetica" panose="020B0604020202020204" pitchFamily="34" charset="0"/>
                <a:cs typeface="Helvetica" panose="020B0604020202020204" pitchFamily="34" charset="0"/>
              </a:rPr>
              <a:t>pupil:classroom</a:t>
            </a:r>
            <a:r>
              <a:rPr lang="en-US" sz="1600" dirty="0">
                <a:latin typeface="Helvetica" panose="020B0604020202020204" pitchFamily="34" charset="0"/>
                <a:cs typeface="Helvetica" panose="020B0604020202020204" pitchFamily="34" charset="0"/>
              </a:rPr>
              <a:t> ratio)</a:t>
            </a:r>
          </a:p>
          <a:p>
            <a:pPr algn="ctr"/>
            <a:r>
              <a:rPr lang="en-US" sz="1600" dirty="0">
                <a:latin typeface="Helvetica" panose="020B0604020202020204" pitchFamily="34" charset="0"/>
                <a:cs typeface="Helvetica" panose="020B0604020202020204" pitchFamily="34" charset="0"/>
              </a:rPr>
              <a:t>1-x (where No = 1 and Yes = 0)</a:t>
            </a:r>
          </a:p>
          <a:p>
            <a:pPr algn="ctr"/>
            <a:r>
              <a:rPr lang="en-US" sz="1600" dirty="0">
                <a:latin typeface="Helvetica" panose="020B0604020202020204" pitchFamily="34" charset="0"/>
                <a:cs typeface="Helvetica" panose="020B0604020202020204" pitchFamily="34" charset="0"/>
              </a:rPr>
              <a:t>Progressively realized rights:  1 - (1 - x) (national </a:t>
            </a:r>
            <a:r>
              <a:rPr lang="en-US" sz="1600" dirty="0" err="1">
                <a:latin typeface="Helvetica" panose="020B0604020202020204" pitchFamily="34" charset="0"/>
                <a:cs typeface="Helvetica" panose="020B0604020202020204" pitchFamily="34" charset="0"/>
              </a:rPr>
              <a:t>logGDP</a:t>
            </a:r>
            <a:r>
              <a:rPr lang="en-US" sz="1600" dirty="0">
                <a:latin typeface="Helvetica" panose="020B0604020202020204" pitchFamily="34" charset="0"/>
                <a:cs typeface="Helvetica" panose="020B0604020202020204" pitchFamily="34" charset="0"/>
              </a:rPr>
              <a:t> per capita PPP/world µ</a:t>
            </a:r>
            <a:r>
              <a:rPr lang="en-US" sz="1600" dirty="0" err="1">
                <a:latin typeface="Helvetica" panose="020B0604020202020204" pitchFamily="34" charset="0"/>
                <a:cs typeface="Helvetica" panose="020B0604020202020204" pitchFamily="34" charset="0"/>
              </a:rPr>
              <a:t>logGDP</a:t>
            </a:r>
            <a:r>
              <a:rPr lang="en-US" sz="1600" dirty="0">
                <a:latin typeface="Helvetica" panose="020B0604020202020204" pitchFamily="34" charset="0"/>
                <a:cs typeface="Helvetica" panose="020B0604020202020204" pitchFamily="34" charset="0"/>
              </a:rPr>
              <a:t> per capita PPP)</a:t>
            </a:r>
          </a:p>
          <a:p>
            <a:pPr algn="ctr"/>
            <a:r>
              <a:rPr lang="en-US" sz="1600" dirty="0">
                <a:latin typeface="Helvetica" panose="020B0604020202020204" pitchFamily="34" charset="0"/>
                <a:cs typeface="Helvetica" panose="020B0604020202020204" pitchFamily="34" charset="0"/>
              </a:rPr>
              <a:t>Capped at 1</a:t>
            </a:r>
          </a:p>
        </p:txBody>
      </p:sp>
      <p:sp>
        <p:nvSpPr>
          <p:cNvPr id="40" name="Rectangle 39"/>
          <p:cNvSpPr/>
          <p:nvPr/>
        </p:nvSpPr>
        <p:spPr>
          <a:xfrm>
            <a:off x="4611102" y="4916439"/>
            <a:ext cx="3057247" cy="461665"/>
          </a:xfrm>
          <a:prstGeom prst="rect">
            <a:avLst/>
          </a:prstGeom>
          <a:solidFill>
            <a:srgbClr val="AF1F2C"/>
          </a:solidFill>
        </p:spPr>
        <p:txBody>
          <a:bodyPr wrap="none">
            <a:spAutoFit/>
          </a:bodyPr>
          <a:lstStyle/>
          <a:p>
            <a:r>
              <a:rPr lang="en-US" sz="2400" b="1" dirty="0">
                <a:solidFill>
                  <a:schemeClr val="bg1"/>
                </a:solidFill>
                <a:latin typeface="Helvetica" panose="020B0604020202020204" pitchFamily="34" charset="0"/>
                <a:cs typeface="Helvetica" panose="020B0604020202020204" pitchFamily="34" charset="0"/>
              </a:rPr>
              <a:t>Overall Index Score</a:t>
            </a:r>
          </a:p>
        </p:txBody>
      </p:sp>
      <p:sp>
        <p:nvSpPr>
          <p:cNvPr id="41" name="Rectangle 40"/>
          <p:cNvSpPr/>
          <p:nvPr/>
        </p:nvSpPr>
        <p:spPr>
          <a:xfrm rot="16200000">
            <a:off x="-252667" y="5786886"/>
            <a:ext cx="1672253" cy="369332"/>
          </a:xfrm>
          <a:prstGeom prst="rect">
            <a:avLst/>
          </a:prstGeom>
        </p:spPr>
        <p:txBody>
          <a:bodyPr wrap="none">
            <a:spAutoFit/>
          </a:bodyPr>
          <a:lstStyle/>
          <a:p>
            <a:r>
              <a:rPr lang="en-US" b="1" dirty="0">
                <a:latin typeface="Helvetica" panose="020B0604020202020204" pitchFamily="34" charset="0"/>
                <a:cs typeface="Helvetica" panose="020B0604020202020204" pitchFamily="34" charset="0"/>
              </a:rPr>
              <a:t>Cross cutting</a:t>
            </a:r>
          </a:p>
        </p:txBody>
      </p:sp>
      <p:sp>
        <p:nvSpPr>
          <p:cNvPr id="42" name="Rectangle 41"/>
          <p:cNvSpPr/>
          <p:nvPr/>
        </p:nvSpPr>
        <p:spPr>
          <a:xfrm>
            <a:off x="1168952" y="5392953"/>
            <a:ext cx="10630447" cy="1169551"/>
          </a:xfrm>
          <a:prstGeom prst="rect">
            <a:avLst/>
          </a:prstGeom>
        </p:spPr>
        <p:txBody>
          <a:bodyPr wrap="square" numCol="3">
            <a:spAutoFit/>
          </a:bodyPr>
          <a:lstStyle/>
          <a:p>
            <a:pPr lvl="0">
              <a:spcBef>
                <a:spcPts val="0"/>
              </a:spcBef>
              <a:spcAft>
                <a:spcPts val="0"/>
              </a:spcAft>
            </a:pPr>
            <a:r>
              <a:rPr lang="en-US" sz="1400" dirty="0">
                <a:latin typeface="Helvetica" panose="020B0604020202020204" pitchFamily="34" charset="0"/>
                <a:cs typeface="Helvetica" panose="020B0604020202020204" pitchFamily="34" charset="0"/>
              </a:rPr>
              <a:t>Girls’ education</a:t>
            </a:r>
          </a:p>
          <a:p>
            <a:pPr lvl="0">
              <a:spcBef>
                <a:spcPts val="0"/>
              </a:spcBef>
              <a:spcAft>
                <a:spcPts val="0"/>
              </a:spcAft>
            </a:pPr>
            <a:r>
              <a:rPr lang="en-US" sz="1400" dirty="0">
                <a:latin typeface="Helvetica" panose="020B0604020202020204" pitchFamily="34" charset="0"/>
                <a:cs typeface="Helvetica" panose="020B0604020202020204" pitchFamily="34" charset="0"/>
              </a:rPr>
              <a:t>Children with Disabilities</a:t>
            </a:r>
          </a:p>
          <a:p>
            <a:pPr lvl="0">
              <a:spcBef>
                <a:spcPts val="0"/>
              </a:spcBef>
              <a:spcAft>
                <a:spcPts val="0"/>
              </a:spcAft>
            </a:pPr>
            <a:r>
              <a:rPr lang="en-US" sz="1400" dirty="0">
                <a:latin typeface="Helvetica" panose="020B0604020202020204" pitchFamily="34" charset="0"/>
                <a:cs typeface="Helvetica" panose="020B0604020202020204" pitchFamily="34" charset="0"/>
              </a:rPr>
              <a:t>Regional Disparities</a:t>
            </a:r>
          </a:p>
          <a:p>
            <a:pPr lvl="0">
              <a:spcBef>
                <a:spcPts val="0"/>
              </a:spcBef>
              <a:spcAft>
                <a:spcPts val="0"/>
              </a:spcAft>
            </a:pPr>
            <a:r>
              <a:rPr lang="en-US" sz="1400" dirty="0">
                <a:latin typeface="Helvetica" panose="020B0604020202020204" pitchFamily="34" charset="0"/>
                <a:cs typeface="Helvetica" panose="020B0604020202020204" pitchFamily="34" charset="0"/>
              </a:rPr>
              <a:t>Indigenous and Minority Populations</a:t>
            </a:r>
          </a:p>
          <a:p>
            <a:pPr lvl="0">
              <a:spcBef>
                <a:spcPts val="0"/>
              </a:spcBef>
              <a:spcAft>
                <a:spcPts val="0"/>
              </a:spcAft>
            </a:pPr>
            <a:r>
              <a:rPr lang="en-US" sz="1400" dirty="0">
                <a:latin typeface="Helvetica" panose="020B0604020202020204" pitchFamily="34" charset="0"/>
                <a:cs typeface="Helvetica" panose="020B0604020202020204" pitchFamily="34" charset="0"/>
              </a:rPr>
              <a:t>Private Education</a:t>
            </a:r>
          </a:p>
          <a:p>
            <a:pPr lvl="0">
              <a:spcBef>
                <a:spcPts val="0"/>
              </a:spcBef>
              <a:spcAft>
                <a:spcPts val="0"/>
              </a:spcAft>
            </a:pPr>
            <a:r>
              <a:rPr lang="en-US" sz="1400" dirty="0">
                <a:latin typeface="Helvetica" panose="020B0604020202020204" pitchFamily="34" charset="0"/>
                <a:cs typeface="Helvetica" panose="020B0604020202020204" pitchFamily="34" charset="0"/>
              </a:rPr>
              <a:t>Teachers</a:t>
            </a:r>
          </a:p>
          <a:p>
            <a:pPr lvl="0">
              <a:spcBef>
                <a:spcPts val="0"/>
              </a:spcBef>
              <a:spcAft>
                <a:spcPts val="0"/>
              </a:spcAft>
            </a:pPr>
            <a:r>
              <a:rPr lang="en-US" sz="1400" dirty="0">
                <a:latin typeface="Helvetica" panose="020B0604020202020204" pitchFamily="34" charset="0"/>
                <a:cs typeface="Helvetica" panose="020B0604020202020204" pitchFamily="34" charset="0"/>
              </a:rPr>
              <a:t>Income Inequality</a:t>
            </a:r>
          </a:p>
          <a:p>
            <a:pPr lvl="0">
              <a:spcBef>
                <a:spcPts val="0"/>
              </a:spcBef>
              <a:spcAft>
                <a:spcPts val="0"/>
              </a:spcAft>
            </a:pPr>
            <a:r>
              <a:rPr lang="en-US" sz="1400" dirty="0">
                <a:latin typeface="Helvetica" panose="020B0604020202020204" pitchFamily="34" charset="0"/>
                <a:cs typeface="Helvetica" panose="020B0604020202020204" pitchFamily="34" charset="0"/>
              </a:rPr>
              <a:t>Content of Education</a:t>
            </a:r>
          </a:p>
          <a:p>
            <a:pPr lvl="0">
              <a:spcBef>
                <a:spcPts val="0"/>
              </a:spcBef>
              <a:spcAft>
                <a:spcPts val="0"/>
              </a:spcAft>
            </a:pPr>
            <a:r>
              <a:rPr lang="en-US" sz="1400" dirty="0">
                <a:latin typeface="Helvetica" panose="020B0604020202020204" pitchFamily="34" charset="0"/>
                <a:cs typeface="Helvetica" panose="020B0604020202020204" pitchFamily="34" charset="0"/>
              </a:rPr>
              <a:t>Monitoring and Accountability</a:t>
            </a:r>
          </a:p>
          <a:p>
            <a:pPr lvl="0">
              <a:spcBef>
                <a:spcPts val="0"/>
              </a:spcBef>
              <a:spcAft>
                <a:spcPts val="0"/>
              </a:spcAft>
            </a:pPr>
            <a:r>
              <a:rPr lang="en-US" sz="1400" dirty="0">
                <a:latin typeface="Helvetica" panose="020B0604020202020204" pitchFamily="34" charset="0"/>
                <a:cs typeface="Helvetica" panose="020B0604020202020204" pitchFamily="34" charset="0"/>
              </a:rPr>
              <a:t>National Normative Framework</a:t>
            </a:r>
          </a:p>
          <a:p>
            <a:pPr lvl="0">
              <a:spcBef>
                <a:spcPts val="0"/>
              </a:spcBef>
              <a:spcAft>
                <a:spcPts val="0"/>
              </a:spcAft>
            </a:pPr>
            <a:r>
              <a:rPr lang="en-US" sz="1400" dirty="0">
                <a:latin typeface="Helvetica" panose="020B0604020202020204" pitchFamily="34" charset="0"/>
                <a:cs typeface="Helvetica" panose="020B0604020202020204" pitchFamily="34" charset="0"/>
              </a:rPr>
              <a:t>Opportunity and Indirect Costs</a:t>
            </a:r>
          </a:p>
          <a:p>
            <a:pPr lvl="0">
              <a:spcBef>
                <a:spcPts val="0"/>
              </a:spcBef>
              <a:spcAft>
                <a:spcPts val="0"/>
              </a:spcAft>
            </a:pPr>
            <a:r>
              <a:rPr lang="en-US" sz="1400" dirty="0">
                <a:latin typeface="Helvetica" panose="020B0604020202020204" pitchFamily="34" charset="0"/>
                <a:cs typeface="Helvetica" panose="020B0604020202020204" pitchFamily="34" charset="0"/>
              </a:rPr>
              <a:t>Alignment of Education Aims</a:t>
            </a:r>
          </a:p>
          <a:p>
            <a:pPr lvl="0">
              <a:spcBef>
                <a:spcPts val="0"/>
              </a:spcBef>
              <a:spcAft>
                <a:spcPts val="0"/>
              </a:spcAft>
            </a:pPr>
            <a:r>
              <a:rPr lang="en-US" sz="1400" dirty="0">
                <a:latin typeface="Helvetica" panose="020B0604020202020204" pitchFamily="34" charset="0"/>
                <a:cs typeface="Helvetica" panose="020B0604020202020204" pitchFamily="34" charset="0"/>
              </a:rPr>
              <a:t>Sustainable Development Goal (SDG) 4</a:t>
            </a:r>
            <a:endParaRPr lang="en-US" sz="1200" dirty="0">
              <a:latin typeface="Helvetica" panose="020B0604020202020204" pitchFamily="34" charset="0"/>
              <a:cs typeface="Helvetica" panose="020B0604020202020204" pitchFamily="34" charset="0"/>
            </a:endParaRPr>
          </a:p>
        </p:txBody>
      </p:sp>
    </p:spTree>
    <p:extLst>
      <p:ext uri="{BB962C8B-B14F-4D97-AF65-F5344CB8AC3E}">
        <p14:creationId xmlns:p14="http://schemas.microsoft.com/office/powerpoint/2010/main" val="15654935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20"/>
          <p:cNvPicPr>
            <a:picLocks noChangeAspect="1"/>
          </p:cNvPicPr>
          <p:nvPr/>
        </p:nvPicPr>
        <p:blipFill rotWithShape="1">
          <a:blip r:embed="rId3" cstate="print">
            <a:extLst>
              <a:ext uri="{28A0092B-C50C-407E-A947-70E740481C1C}">
                <a14:useLocalDpi xmlns:a14="http://schemas.microsoft.com/office/drawing/2010/main" val="0"/>
              </a:ext>
            </a:extLst>
          </a:blip>
          <a:srcRect t="17075"/>
          <a:stretch/>
        </p:blipFill>
        <p:spPr>
          <a:xfrm>
            <a:off x="-1" y="-95250"/>
            <a:ext cx="12192000" cy="6723738"/>
          </a:xfrm>
          <a:prstGeom prst="rect">
            <a:avLst/>
          </a:prstGeom>
        </p:spPr>
      </p:pic>
      <p:sp>
        <p:nvSpPr>
          <p:cNvPr id="22" name="Oval 18"/>
          <p:cNvSpPr>
            <a:spLocks noChangeArrowheads="1"/>
          </p:cNvSpPr>
          <p:nvPr/>
        </p:nvSpPr>
        <p:spPr bwMode="auto">
          <a:xfrm>
            <a:off x="8632192" y="352319"/>
            <a:ext cx="3017520" cy="3017520"/>
          </a:xfrm>
          <a:prstGeom prst="ellipse">
            <a:avLst/>
          </a:prstGeom>
          <a:solidFill>
            <a:srgbClr val="DEDEDE">
              <a:alpha val="50000"/>
            </a:srgbClr>
          </a:solidFill>
          <a:ln>
            <a:no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23" name="Oval 17"/>
          <p:cNvSpPr>
            <a:spLocks noChangeArrowheads="1"/>
          </p:cNvSpPr>
          <p:nvPr/>
        </p:nvSpPr>
        <p:spPr bwMode="auto">
          <a:xfrm>
            <a:off x="8769352" y="489479"/>
            <a:ext cx="2743200" cy="2743200"/>
          </a:xfrm>
          <a:prstGeom prst="ellipse">
            <a:avLst/>
          </a:prstGeom>
          <a:solidFill>
            <a:srgbClr val="DEDEDE">
              <a:alpha val="50000"/>
            </a:srgbClr>
          </a:solidFill>
          <a:ln>
            <a:noFill/>
          </a:ln>
          <a:effectLs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24" name="Text Box 21"/>
          <p:cNvSpPr txBox="1">
            <a:spLocks noChangeArrowheads="1"/>
          </p:cNvSpPr>
          <p:nvPr/>
        </p:nvSpPr>
        <p:spPr bwMode="auto">
          <a:xfrm>
            <a:off x="8738887" y="489477"/>
            <a:ext cx="2807994" cy="2743200"/>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ctr" anchorCtr="0" compatLnSpc="1">
            <a:prstTxWarp prst="textNoShape">
              <a:avLst/>
            </a:prstTxWarp>
          </a:bodyPr>
          <a:lstStyle>
            <a:defPPr>
              <a:defRPr lang="en-US"/>
            </a:defPPr>
            <a:lvl1pPr marR="0" lvl="0" indent="0" algn="ctr" eaLnBrk="0" fontAlgn="base" hangingPunct="0">
              <a:lnSpc>
                <a:spcPct val="125000"/>
              </a:lnSpc>
              <a:spcBef>
                <a:spcPct val="0"/>
              </a:spcBef>
              <a:spcAft>
                <a:spcPct val="0"/>
              </a:spcAft>
              <a:buClrTx/>
              <a:buSzTx/>
              <a:buFontTx/>
              <a:buNone/>
              <a:tabLst/>
              <a:defRPr kumimoji="0" b="1" i="0" u="none" strike="noStrike" cap="none" spc="300" normalizeH="0" baseline="0">
                <a:ln>
                  <a:noFill/>
                </a:ln>
                <a:solidFill>
                  <a:srgbClr val="891523"/>
                </a:solidFill>
                <a:effectLst/>
                <a:latin typeface="Arial" panose="020B0604020202020204" pitchFamily="34" charset="0"/>
              </a:defRPr>
            </a:lvl1pPr>
          </a:lstStyle>
          <a:p>
            <a:r>
              <a:rPr lang="en-US" altLang="en-US" sz="2800" dirty="0"/>
              <a:t>WHAT</a:t>
            </a:r>
          </a:p>
          <a:p>
            <a:r>
              <a:rPr lang="en-US" altLang="en-US" sz="2800" dirty="0"/>
              <a:t>IS</a:t>
            </a:r>
          </a:p>
          <a:p>
            <a:r>
              <a:rPr lang="en-US" altLang="en-US" sz="2800" dirty="0"/>
              <a:t>RTEI?</a:t>
            </a:r>
          </a:p>
        </p:txBody>
      </p:sp>
      <p:sp>
        <p:nvSpPr>
          <p:cNvPr id="25"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Jawad </a:t>
            </a:r>
            <a:r>
              <a:rPr kumimoji="0" lang="en-US" altLang="en-US" sz="1000" b="0" i="0" u="none" strike="noStrike" cap="none" normalizeH="0" baseline="0" dirty="0" err="1">
                <a:ln>
                  <a:noFill/>
                </a:ln>
                <a:effectLst/>
                <a:latin typeface="Arial" panose="020B0604020202020204" pitchFamily="34" charset="0"/>
              </a:rPr>
              <a:t>Jalali</a:t>
            </a:r>
            <a:endParaRPr kumimoji="0" lang="en-US" altLang="en-US" sz="3200" b="0" i="0" u="none" strike="noStrike" cap="none" normalizeH="0" baseline="0" dirty="0">
              <a:ln>
                <a:noFill/>
              </a:ln>
              <a:effectLst/>
              <a:latin typeface="Arial" panose="020B0604020202020204" pitchFamily="34" charset="0"/>
            </a:endParaRPr>
          </a:p>
        </p:txBody>
      </p:sp>
      <p:sp>
        <p:nvSpPr>
          <p:cNvPr id="26" name="Rectangle 25"/>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27" name="Picture 2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28" name="Picture 2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29" name="Rectangle 28"/>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30" name="Picture 2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31" name="Picture 3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34" name="Oval 18"/>
          <p:cNvSpPr>
            <a:spLocks noChangeArrowheads="1"/>
          </p:cNvSpPr>
          <p:nvPr/>
        </p:nvSpPr>
        <p:spPr bwMode="auto">
          <a:xfrm>
            <a:off x="-768093" y="609600"/>
            <a:ext cx="8540493" cy="4927600"/>
          </a:xfrm>
          <a:prstGeom prst="rect">
            <a:avLst/>
          </a:prstGeom>
          <a:solidFill>
            <a:srgbClr val="DEDEDE">
              <a:alpha val="50000"/>
            </a:srgbClr>
          </a:solidFill>
          <a:ln>
            <a:no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35" name="Oval 17"/>
          <p:cNvSpPr>
            <a:spLocks noChangeArrowheads="1"/>
          </p:cNvSpPr>
          <p:nvPr/>
        </p:nvSpPr>
        <p:spPr bwMode="auto">
          <a:xfrm>
            <a:off x="-630933" y="731519"/>
            <a:ext cx="8250933" cy="4668329"/>
          </a:xfrm>
          <a:prstGeom prst="rect">
            <a:avLst/>
          </a:prstGeom>
          <a:solidFill>
            <a:srgbClr val="DEDEDE">
              <a:alpha val="50000"/>
            </a:srgbClr>
          </a:solidFill>
          <a:ln>
            <a:noFill/>
          </a:ln>
          <a:effectLs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32" name="Content Placeholder 5"/>
          <p:cNvSpPr>
            <a:spLocks noGrp="1"/>
          </p:cNvSpPr>
          <p:nvPr>
            <p:ph idx="1"/>
          </p:nvPr>
        </p:nvSpPr>
        <p:spPr>
          <a:xfrm>
            <a:off x="312011" y="965199"/>
            <a:ext cx="7307989" cy="4231753"/>
          </a:xfrm>
        </p:spPr>
        <p:txBody>
          <a:bodyPr vert="horz" lIns="68580" tIns="34290" rIns="68580" bIns="34290" rtlCol="0" anchor="t">
            <a:noAutofit/>
          </a:bodyPr>
          <a:lstStyle/>
          <a:p>
            <a:pPr>
              <a:lnSpc>
                <a:spcPts val="2400"/>
              </a:lnSpc>
              <a:spcAft>
                <a:spcPts val="1200"/>
              </a:spcAft>
              <a:buFont typeface="Wingdings" panose="05000000000000000000" pitchFamily="2" charset="2"/>
              <a:buChar char="§"/>
            </a:pPr>
            <a:r>
              <a:rPr lang="en-US" sz="1800" dirty="0">
                <a:solidFill>
                  <a:srgbClr val="891523"/>
                </a:solidFill>
                <a:latin typeface="Arial" panose="020B0604020202020204" pitchFamily="34" charset="0"/>
                <a:cs typeface="Arial" panose="020B0604020202020204" pitchFamily="34" charset="0"/>
              </a:rPr>
              <a:t>A global accountability initiative that aims to ensure that all people, no matter where they live, can enjoy their right to a quality education.</a:t>
            </a:r>
          </a:p>
          <a:p>
            <a:pPr>
              <a:lnSpc>
                <a:spcPts val="2400"/>
              </a:lnSpc>
              <a:spcAft>
                <a:spcPts val="1200"/>
              </a:spcAft>
              <a:buFont typeface="Wingdings" panose="05000000000000000000" pitchFamily="2" charset="2"/>
              <a:buChar char="§"/>
            </a:pPr>
            <a:r>
              <a:rPr lang="en-US" sz="1800" dirty="0">
                <a:solidFill>
                  <a:srgbClr val="891523"/>
                </a:solidFill>
                <a:latin typeface="Arial" panose="020B0604020202020204" pitchFamily="34" charset="0"/>
                <a:cs typeface="Arial" panose="020B0604020202020204" pitchFamily="34" charset="0"/>
              </a:rPr>
              <a:t>Built from the international right to education framework to monitor national progress towards its fulfillment.</a:t>
            </a:r>
          </a:p>
          <a:p>
            <a:pPr>
              <a:lnSpc>
                <a:spcPts val="2400"/>
              </a:lnSpc>
              <a:buFont typeface="Wingdings" panose="05000000000000000000" pitchFamily="2" charset="2"/>
              <a:buChar char="§"/>
            </a:pPr>
            <a:r>
              <a:rPr lang="en-US" sz="1800" dirty="0">
                <a:solidFill>
                  <a:srgbClr val="891523"/>
                </a:solidFill>
                <a:latin typeface="Arial" panose="020B0604020202020204" pitchFamily="34" charset="0"/>
                <a:cs typeface="Arial" panose="020B0604020202020204" pitchFamily="34" charset="0"/>
              </a:rPr>
              <a:t>Seeks to:</a:t>
            </a:r>
          </a:p>
          <a:p>
            <a:pPr lvl="1">
              <a:lnSpc>
                <a:spcPts val="2400"/>
              </a:lnSpc>
              <a:buFont typeface="Wingdings" panose="05000000000000000000" pitchFamily="2" charset="2"/>
              <a:buChar char="Ø"/>
            </a:pPr>
            <a:r>
              <a:rPr lang="en-US" sz="1400" dirty="0">
                <a:solidFill>
                  <a:srgbClr val="891523"/>
                </a:solidFill>
                <a:latin typeface="Arial" panose="020B0604020202020204" pitchFamily="34" charset="0"/>
                <a:cs typeface="Arial" panose="020B0604020202020204" pitchFamily="34" charset="0"/>
              </a:rPr>
              <a:t>Strengthen the expertise and capacity of civil society and education advocates.</a:t>
            </a:r>
          </a:p>
          <a:p>
            <a:pPr lvl="1">
              <a:lnSpc>
                <a:spcPts val="2400"/>
              </a:lnSpc>
              <a:buFont typeface="Wingdings" panose="05000000000000000000" pitchFamily="2" charset="2"/>
              <a:buChar char="Ø"/>
            </a:pPr>
            <a:r>
              <a:rPr lang="en-US" sz="1400" dirty="0">
                <a:solidFill>
                  <a:srgbClr val="891523"/>
                </a:solidFill>
                <a:latin typeface="Arial" panose="020B0604020202020204" pitchFamily="34" charset="0"/>
                <a:cs typeface="Arial" panose="020B0604020202020204" pitchFamily="34" charset="0"/>
              </a:rPr>
              <a:t>Increase public and political support for realizing the right to education.</a:t>
            </a:r>
          </a:p>
          <a:p>
            <a:pPr lvl="1">
              <a:lnSpc>
                <a:spcPts val="2400"/>
              </a:lnSpc>
              <a:buFont typeface="Wingdings" panose="05000000000000000000" pitchFamily="2" charset="2"/>
              <a:buChar char="Ø"/>
            </a:pPr>
            <a:r>
              <a:rPr lang="en-US" sz="1400" dirty="0">
                <a:solidFill>
                  <a:srgbClr val="891523"/>
                </a:solidFill>
                <a:latin typeface="Arial" panose="020B0604020202020204" pitchFamily="34" charset="0"/>
                <a:cs typeface="Arial" panose="020B0604020202020204" pitchFamily="34" charset="0"/>
              </a:rPr>
              <a:t>Hold governments and institutions accountable for their commitments to the right to education.</a:t>
            </a:r>
          </a:p>
          <a:p>
            <a:pPr lvl="1">
              <a:lnSpc>
                <a:spcPts val="2400"/>
              </a:lnSpc>
              <a:buFont typeface="Wingdings" panose="05000000000000000000" pitchFamily="2" charset="2"/>
              <a:buChar char="Ø"/>
            </a:pPr>
            <a:r>
              <a:rPr lang="en-US" sz="1400" dirty="0">
                <a:solidFill>
                  <a:srgbClr val="891523"/>
                </a:solidFill>
                <a:latin typeface="Arial" panose="020B0604020202020204" pitchFamily="34" charset="0"/>
                <a:cs typeface="Arial" panose="020B0604020202020204" pitchFamily="34" charset="0"/>
              </a:rPr>
              <a:t>And finally, uphold the right to education for every child and adult everywhere.</a:t>
            </a:r>
          </a:p>
        </p:txBody>
      </p:sp>
    </p:spTree>
    <p:extLst>
      <p:ext uri="{BB962C8B-B14F-4D97-AF65-F5344CB8AC3E}">
        <p14:creationId xmlns:p14="http://schemas.microsoft.com/office/powerpoint/2010/main" val="33376636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4"/>
                                        </p:tgtEl>
                                        <p:attrNameLst>
                                          <p:attrName>style.visibility</p:attrName>
                                        </p:attrNameLst>
                                      </p:cBhvr>
                                      <p:to>
                                        <p:strVal val="visible"/>
                                      </p:to>
                                    </p:set>
                                    <p:animEffect transition="in" filter="fade">
                                      <p:cBhvr>
                                        <p:cTn id="7" dur="500"/>
                                        <p:tgtEl>
                                          <p:spTgt spid="34"/>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5"/>
                                        </p:tgtEl>
                                        <p:attrNameLst>
                                          <p:attrName>style.visibility</p:attrName>
                                        </p:attrNameLst>
                                      </p:cBhvr>
                                      <p:to>
                                        <p:strVal val="visible"/>
                                      </p:to>
                                    </p:set>
                                    <p:animEffect transition="in" filter="fade">
                                      <p:cBhvr>
                                        <p:cTn id="10" dur="500"/>
                                        <p:tgtEl>
                                          <p:spTgt spid="35"/>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32">
                                            <p:txEl>
                                              <p:pRg st="0" end="0"/>
                                            </p:txEl>
                                          </p:spTgt>
                                        </p:tgtEl>
                                        <p:attrNameLst>
                                          <p:attrName>style.visibility</p:attrName>
                                        </p:attrNameLst>
                                      </p:cBhvr>
                                      <p:to>
                                        <p:strVal val="visible"/>
                                      </p:to>
                                    </p:set>
                                    <p:animEffect transition="in" filter="fade">
                                      <p:cBhvr>
                                        <p:cTn id="13" dur="500"/>
                                        <p:tgtEl>
                                          <p:spTgt spid="32">
                                            <p:txEl>
                                              <p:pRg st="0" end="0"/>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32">
                                            <p:txEl>
                                              <p:pRg st="1" end="1"/>
                                            </p:txEl>
                                          </p:spTgt>
                                        </p:tgtEl>
                                        <p:attrNameLst>
                                          <p:attrName>style.visibility</p:attrName>
                                        </p:attrNameLst>
                                      </p:cBhvr>
                                      <p:to>
                                        <p:strVal val="visible"/>
                                      </p:to>
                                    </p:set>
                                    <p:animEffect transition="in" filter="fade">
                                      <p:cBhvr>
                                        <p:cTn id="18" dur="500"/>
                                        <p:tgtEl>
                                          <p:spTgt spid="32">
                                            <p:txEl>
                                              <p:pRg st="1" end="1"/>
                                            </p:txEl>
                                          </p:spTgt>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32">
                                            <p:txEl>
                                              <p:pRg st="2" end="2"/>
                                            </p:txEl>
                                          </p:spTgt>
                                        </p:tgtEl>
                                        <p:attrNameLst>
                                          <p:attrName>style.visibility</p:attrName>
                                        </p:attrNameLst>
                                      </p:cBhvr>
                                      <p:to>
                                        <p:strVal val="visible"/>
                                      </p:to>
                                    </p:set>
                                    <p:animEffect transition="in" filter="fade">
                                      <p:cBhvr>
                                        <p:cTn id="23" dur="500"/>
                                        <p:tgtEl>
                                          <p:spTgt spid="32">
                                            <p:txEl>
                                              <p:pRg st="2" end="2"/>
                                            </p:txEl>
                                          </p:spTgt>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32">
                                            <p:txEl>
                                              <p:pRg st="3" end="3"/>
                                            </p:txEl>
                                          </p:spTgt>
                                        </p:tgtEl>
                                        <p:attrNameLst>
                                          <p:attrName>style.visibility</p:attrName>
                                        </p:attrNameLst>
                                      </p:cBhvr>
                                      <p:to>
                                        <p:strVal val="visible"/>
                                      </p:to>
                                    </p:set>
                                    <p:animEffect transition="in" filter="fade">
                                      <p:cBhvr>
                                        <p:cTn id="28" dur="500"/>
                                        <p:tgtEl>
                                          <p:spTgt spid="32">
                                            <p:txEl>
                                              <p:pRg st="3" end="3"/>
                                            </p:txEl>
                                          </p:spTgt>
                                        </p:tgtEl>
                                      </p:cBhvr>
                                    </p:animEffect>
                                  </p:childTnLst>
                                </p:cTn>
                              </p:par>
                            </p:childTnLst>
                          </p:cTn>
                        </p:par>
                      </p:childTnLst>
                    </p:cTn>
                  </p:par>
                  <p:par>
                    <p:cTn id="29" fill="hold">
                      <p:stCondLst>
                        <p:cond delay="indefinite"/>
                      </p:stCondLst>
                      <p:childTnLst>
                        <p:par>
                          <p:cTn id="30" fill="hold">
                            <p:stCondLst>
                              <p:cond delay="0"/>
                            </p:stCondLst>
                            <p:childTnLst>
                              <p:par>
                                <p:cTn id="31" presetID="10" presetClass="entr" presetSubtype="0" fill="hold" grpId="0" nodeType="clickEffect">
                                  <p:stCondLst>
                                    <p:cond delay="0"/>
                                  </p:stCondLst>
                                  <p:childTnLst>
                                    <p:set>
                                      <p:cBhvr>
                                        <p:cTn id="32" dur="1" fill="hold">
                                          <p:stCondLst>
                                            <p:cond delay="0"/>
                                          </p:stCondLst>
                                        </p:cTn>
                                        <p:tgtEl>
                                          <p:spTgt spid="32">
                                            <p:txEl>
                                              <p:pRg st="4" end="4"/>
                                            </p:txEl>
                                          </p:spTgt>
                                        </p:tgtEl>
                                        <p:attrNameLst>
                                          <p:attrName>style.visibility</p:attrName>
                                        </p:attrNameLst>
                                      </p:cBhvr>
                                      <p:to>
                                        <p:strVal val="visible"/>
                                      </p:to>
                                    </p:set>
                                    <p:animEffect transition="in" filter="fade">
                                      <p:cBhvr>
                                        <p:cTn id="33" dur="500"/>
                                        <p:tgtEl>
                                          <p:spTgt spid="32">
                                            <p:txEl>
                                              <p:pRg st="4" end="4"/>
                                            </p:txEl>
                                          </p:spTgt>
                                        </p:tgtEl>
                                      </p:cBhvr>
                                    </p:animEffect>
                                  </p:childTnLst>
                                </p:cTn>
                              </p:par>
                            </p:childTnLst>
                          </p:cTn>
                        </p:par>
                      </p:childTnLst>
                    </p:cTn>
                  </p:par>
                  <p:par>
                    <p:cTn id="34" fill="hold">
                      <p:stCondLst>
                        <p:cond delay="indefinite"/>
                      </p:stCondLst>
                      <p:childTnLst>
                        <p:par>
                          <p:cTn id="35" fill="hold">
                            <p:stCondLst>
                              <p:cond delay="0"/>
                            </p:stCondLst>
                            <p:childTnLst>
                              <p:par>
                                <p:cTn id="36" presetID="10" presetClass="entr" presetSubtype="0" fill="hold" grpId="0" nodeType="clickEffect">
                                  <p:stCondLst>
                                    <p:cond delay="0"/>
                                  </p:stCondLst>
                                  <p:childTnLst>
                                    <p:set>
                                      <p:cBhvr>
                                        <p:cTn id="37" dur="1" fill="hold">
                                          <p:stCondLst>
                                            <p:cond delay="0"/>
                                          </p:stCondLst>
                                        </p:cTn>
                                        <p:tgtEl>
                                          <p:spTgt spid="32">
                                            <p:txEl>
                                              <p:pRg st="5" end="5"/>
                                            </p:txEl>
                                          </p:spTgt>
                                        </p:tgtEl>
                                        <p:attrNameLst>
                                          <p:attrName>style.visibility</p:attrName>
                                        </p:attrNameLst>
                                      </p:cBhvr>
                                      <p:to>
                                        <p:strVal val="visible"/>
                                      </p:to>
                                    </p:set>
                                    <p:animEffect transition="in" filter="fade">
                                      <p:cBhvr>
                                        <p:cTn id="38" dur="500"/>
                                        <p:tgtEl>
                                          <p:spTgt spid="32">
                                            <p:txEl>
                                              <p:pRg st="5" end="5"/>
                                            </p:txEl>
                                          </p:spTgt>
                                        </p:tgtEl>
                                      </p:cBhvr>
                                    </p:animEffect>
                                  </p:childTnLst>
                                </p:cTn>
                              </p:par>
                            </p:childTnLst>
                          </p:cTn>
                        </p:par>
                      </p:childTnLst>
                    </p:cTn>
                  </p:par>
                  <p:par>
                    <p:cTn id="39" fill="hold">
                      <p:stCondLst>
                        <p:cond delay="indefinite"/>
                      </p:stCondLst>
                      <p:childTnLst>
                        <p:par>
                          <p:cTn id="40" fill="hold">
                            <p:stCondLst>
                              <p:cond delay="0"/>
                            </p:stCondLst>
                            <p:childTnLst>
                              <p:par>
                                <p:cTn id="41" presetID="10" presetClass="entr" presetSubtype="0" fill="hold" grpId="0" nodeType="clickEffect">
                                  <p:stCondLst>
                                    <p:cond delay="0"/>
                                  </p:stCondLst>
                                  <p:childTnLst>
                                    <p:set>
                                      <p:cBhvr>
                                        <p:cTn id="42" dur="1" fill="hold">
                                          <p:stCondLst>
                                            <p:cond delay="0"/>
                                          </p:stCondLst>
                                        </p:cTn>
                                        <p:tgtEl>
                                          <p:spTgt spid="32">
                                            <p:txEl>
                                              <p:pRg st="6" end="6"/>
                                            </p:txEl>
                                          </p:spTgt>
                                        </p:tgtEl>
                                        <p:attrNameLst>
                                          <p:attrName>style.visibility</p:attrName>
                                        </p:attrNameLst>
                                      </p:cBhvr>
                                      <p:to>
                                        <p:strVal val="visible"/>
                                      </p:to>
                                    </p:set>
                                    <p:animEffect transition="in" filter="fade">
                                      <p:cBhvr>
                                        <p:cTn id="43" dur="500"/>
                                        <p:tgtEl>
                                          <p:spTgt spid="32">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 grpId="0" animBg="1"/>
      <p:bldP spid="35" grpId="0" animBg="1"/>
      <p:bldP spid="32" grpId="0" uiExpand="1"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b="22100"/>
          <a:stretch/>
        </p:blipFill>
        <p:spPr>
          <a:xfrm>
            <a:off x="-41087" y="-369"/>
            <a:ext cx="12379295" cy="6250156"/>
          </a:xfrm>
          <a:prstGeom prst="rect">
            <a:avLst/>
          </a:prstGeom>
        </p:spPr>
      </p:pic>
      <p:sp>
        <p:nvSpPr>
          <p:cNvPr id="14" name="Oval 17"/>
          <p:cNvSpPr>
            <a:spLocks noChangeArrowheads="1"/>
          </p:cNvSpPr>
          <p:nvPr/>
        </p:nvSpPr>
        <p:spPr bwMode="auto">
          <a:xfrm>
            <a:off x="9475366" y="-466344"/>
            <a:ext cx="3017520" cy="3017520"/>
          </a:xfrm>
          <a:prstGeom prst="ellipse">
            <a:avLst/>
          </a:prstGeom>
          <a:solidFill>
            <a:srgbClr val="DEDEDE">
              <a:alpha val="50000"/>
            </a:srgbClr>
          </a:solidFill>
          <a:ln>
            <a:noFill/>
          </a:ln>
          <a:effectLs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15" name="Oval 18"/>
          <p:cNvSpPr>
            <a:spLocks noChangeArrowheads="1"/>
          </p:cNvSpPr>
          <p:nvPr/>
        </p:nvSpPr>
        <p:spPr bwMode="auto">
          <a:xfrm>
            <a:off x="9612526" y="-329184"/>
            <a:ext cx="2743200" cy="2743200"/>
          </a:xfrm>
          <a:prstGeom prst="ellipse">
            <a:avLst/>
          </a:prstGeom>
          <a:solidFill>
            <a:srgbClr val="DEDEDE">
              <a:alpha val="75000"/>
            </a:srgbClr>
          </a:solidFill>
          <a:ln>
            <a:no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17" name="Text Box 21"/>
          <p:cNvSpPr txBox="1">
            <a:spLocks noChangeArrowheads="1"/>
          </p:cNvSpPr>
          <p:nvPr/>
        </p:nvSpPr>
        <p:spPr bwMode="auto">
          <a:xfrm>
            <a:off x="9338418" y="-47583"/>
            <a:ext cx="3291415" cy="2404429"/>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ctr" anchorCtr="0" compatLnSpc="1">
            <a:prstTxWarp prst="textNoShape">
              <a:avLst/>
            </a:prstTxWarp>
          </a:bodyPr>
          <a:lstStyle/>
          <a:p>
            <a:pPr marL="0" marR="0" lvl="0" indent="0" algn="ctr" defTabSz="914400" rtl="0" eaLnBrk="0" fontAlgn="base" latinLnBrk="0" hangingPunct="0">
              <a:lnSpc>
                <a:spcPct val="125000"/>
              </a:lnSpc>
              <a:spcBef>
                <a:spcPct val="0"/>
              </a:spcBef>
              <a:spcAft>
                <a:spcPct val="0"/>
              </a:spcAft>
              <a:buClrTx/>
              <a:buSzTx/>
              <a:buFontTx/>
              <a:buNone/>
              <a:tabLst/>
            </a:pPr>
            <a:r>
              <a:rPr kumimoji="0" lang="en-US" altLang="en-US" sz="2800" b="1" i="0" u="none" strike="noStrike" cap="none" spc="300" normalizeH="0" dirty="0">
                <a:ln>
                  <a:noFill/>
                </a:ln>
                <a:solidFill>
                  <a:srgbClr val="891523"/>
                </a:solidFill>
                <a:effectLst/>
                <a:latin typeface="Helvetica" panose="020B0604020202020204" pitchFamily="34" charset="0"/>
                <a:cs typeface="Helvetica" panose="020B0604020202020204" pitchFamily="34" charset="0"/>
              </a:rPr>
              <a:t>What </a:t>
            </a:r>
          </a:p>
          <a:p>
            <a:pPr marL="0" marR="0" lvl="0" indent="0" algn="ctr" defTabSz="914400" rtl="0" eaLnBrk="0" fontAlgn="base" latinLnBrk="0" hangingPunct="0">
              <a:lnSpc>
                <a:spcPct val="125000"/>
              </a:lnSpc>
              <a:spcBef>
                <a:spcPct val="0"/>
              </a:spcBef>
              <a:spcAft>
                <a:spcPct val="0"/>
              </a:spcAft>
              <a:buClrTx/>
              <a:buSzTx/>
              <a:buFontTx/>
              <a:buNone/>
              <a:tabLst/>
            </a:pPr>
            <a:r>
              <a:rPr kumimoji="0" lang="en-US" altLang="en-US" sz="2800" b="1" i="0" u="none" strike="noStrike" cap="none" spc="300" normalizeH="0" dirty="0">
                <a:ln>
                  <a:noFill/>
                </a:ln>
                <a:solidFill>
                  <a:srgbClr val="891523"/>
                </a:solidFill>
                <a:effectLst/>
                <a:latin typeface="Helvetica" panose="020B0604020202020204" pitchFamily="34" charset="0"/>
                <a:cs typeface="Helvetica" panose="020B0604020202020204" pitchFamily="34" charset="0"/>
              </a:rPr>
              <a:t>is </a:t>
            </a:r>
          </a:p>
          <a:p>
            <a:pPr marL="0" marR="0" lvl="0" indent="0" algn="ctr" defTabSz="914400" rtl="0" eaLnBrk="0" fontAlgn="base" latinLnBrk="0" hangingPunct="0">
              <a:lnSpc>
                <a:spcPct val="125000"/>
              </a:lnSpc>
              <a:spcBef>
                <a:spcPct val="0"/>
              </a:spcBef>
              <a:spcAft>
                <a:spcPct val="0"/>
              </a:spcAft>
              <a:buClrTx/>
              <a:buSzTx/>
              <a:buFontTx/>
              <a:buNone/>
              <a:tabLst/>
            </a:pPr>
            <a:r>
              <a:rPr kumimoji="0" lang="en-US" altLang="en-US" sz="2800" b="1" i="0" u="none" strike="noStrike" cap="none" spc="300" normalizeH="0" dirty="0">
                <a:ln>
                  <a:noFill/>
                </a:ln>
                <a:solidFill>
                  <a:srgbClr val="891523"/>
                </a:solidFill>
                <a:effectLst/>
                <a:latin typeface="Helvetica" panose="020B0604020202020204" pitchFamily="34" charset="0"/>
                <a:cs typeface="Helvetica" panose="020B0604020202020204" pitchFamily="34" charset="0"/>
              </a:rPr>
              <a:t>RTEI?</a:t>
            </a:r>
            <a:r>
              <a:rPr kumimoji="0" lang="en-US" altLang="en-US" sz="2800" i="0" u="none" strike="noStrike" cap="none" spc="600" normalizeH="0" dirty="0">
                <a:ln>
                  <a:noFill/>
                </a:ln>
                <a:solidFill>
                  <a:srgbClr val="891523"/>
                </a:solidFill>
                <a:effectLst/>
                <a:latin typeface="Helvetica" panose="020B0604020202020204" pitchFamily="34" charset="0"/>
                <a:cs typeface="Helvetica" panose="020B0604020202020204" pitchFamily="34" charset="0"/>
              </a:rPr>
              <a:t> </a:t>
            </a:r>
            <a:endParaRPr kumimoji="0" lang="en-US" altLang="en-US" sz="4000" i="0" u="none" strike="noStrike" cap="none" spc="600" normalizeH="0" baseline="0" dirty="0">
              <a:ln>
                <a:noFill/>
              </a:ln>
              <a:solidFill>
                <a:schemeClr val="tx1"/>
              </a:solidFill>
              <a:effectLst/>
              <a:latin typeface="Helvetica" panose="020B0604020202020204" pitchFamily="34" charset="0"/>
              <a:cs typeface="Helvetica" panose="020B0604020202020204" pitchFamily="34" charset="0"/>
            </a:endParaRPr>
          </a:p>
        </p:txBody>
      </p:sp>
      <p:sp>
        <p:nvSpPr>
          <p:cNvPr id="22" name="Text Box 27"/>
          <p:cNvSpPr txBox="1">
            <a:spLocks noChangeArrowheads="1"/>
          </p:cNvSpPr>
          <p:nvPr/>
        </p:nvSpPr>
        <p:spPr bwMode="auto">
          <a:xfrm>
            <a:off x="144277" y="590024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solidFill>
                  <a:srgbClr val="FFFFFF"/>
                </a:solidFill>
                <a:effectLst/>
                <a:latin typeface="Arial" panose="020B0604020202020204" pitchFamily="34" charset="0"/>
              </a:rPr>
              <a:t>GPE/</a:t>
            </a:r>
            <a:r>
              <a:rPr kumimoji="0" lang="en-US" altLang="en-US" sz="1000" b="0" i="0" u="none" strike="noStrike" cap="none" normalizeH="0" baseline="0" dirty="0" err="1">
                <a:ln>
                  <a:noFill/>
                </a:ln>
                <a:solidFill>
                  <a:srgbClr val="FFFFFF"/>
                </a:solidFill>
                <a:effectLst/>
                <a:latin typeface="Arial" panose="020B0604020202020204" pitchFamily="34" charset="0"/>
              </a:rPr>
              <a:t>Midastouch</a:t>
            </a:r>
            <a:endParaRPr kumimoji="0" lang="en-US" altLang="en-US" sz="3200" b="0" i="0" u="none" strike="noStrike" cap="none" normalizeH="0" baseline="0" dirty="0">
              <a:ln>
                <a:noFill/>
              </a:ln>
              <a:solidFill>
                <a:schemeClr val="tx1"/>
              </a:solidFill>
              <a:effectLst/>
              <a:latin typeface="Arial" panose="020B0604020202020204" pitchFamily="34" charset="0"/>
            </a:endParaRPr>
          </a:p>
        </p:txBody>
      </p:sp>
      <p:sp>
        <p:nvSpPr>
          <p:cNvPr id="27" name="Oval 17"/>
          <p:cNvSpPr>
            <a:spLocks noChangeArrowheads="1"/>
          </p:cNvSpPr>
          <p:nvPr/>
        </p:nvSpPr>
        <p:spPr bwMode="auto">
          <a:xfrm>
            <a:off x="4318259" y="270256"/>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28" name="Oval 18"/>
          <p:cNvSpPr>
            <a:spLocks noChangeAspect="1" noChangeArrowheads="1"/>
          </p:cNvSpPr>
          <p:nvPr/>
        </p:nvSpPr>
        <p:spPr bwMode="auto">
          <a:xfrm>
            <a:off x="4455419" y="407416"/>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30" name="Oval 17"/>
          <p:cNvSpPr>
            <a:spLocks noChangeArrowheads="1"/>
          </p:cNvSpPr>
          <p:nvPr/>
        </p:nvSpPr>
        <p:spPr bwMode="auto">
          <a:xfrm>
            <a:off x="6299130" y="1697118"/>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31" name="Oval 18"/>
          <p:cNvSpPr>
            <a:spLocks noChangeAspect="1" noChangeArrowheads="1"/>
          </p:cNvSpPr>
          <p:nvPr/>
        </p:nvSpPr>
        <p:spPr bwMode="auto">
          <a:xfrm>
            <a:off x="6436290" y="1834278"/>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40" name="Oval 17"/>
          <p:cNvSpPr>
            <a:spLocks noChangeArrowheads="1"/>
          </p:cNvSpPr>
          <p:nvPr/>
        </p:nvSpPr>
        <p:spPr bwMode="auto">
          <a:xfrm>
            <a:off x="2327298" y="1714685"/>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41" name="Oval 18"/>
          <p:cNvSpPr>
            <a:spLocks noChangeAspect="1" noChangeArrowheads="1"/>
          </p:cNvSpPr>
          <p:nvPr/>
        </p:nvSpPr>
        <p:spPr bwMode="auto">
          <a:xfrm>
            <a:off x="2464458" y="1851845"/>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42" name="Oval 17"/>
          <p:cNvSpPr>
            <a:spLocks noChangeArrowheads="1"/>
          </p:cNvSpPr>
          <p:nvPr/>
        </p:nvSpPr>
        <p:spPr bwMode="auto">
          <a:xfrm>
            <a:off x="3102041" y="4028071"/>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43" name="Oval 18"/>
          <p:cNvSpPr>
            <a:spLocks noChangeAspect="1" noChangeArrowheads="1"/>
          </p:cNvSpPr>
          <p:nvPr/>
        </p:nvSpPr>
        <p:spPr bwMode="auto">
          <a:xfrm>
            <a:off x="3239201" y="4165231"/>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44" name="Oval 17"/>
          <p:cNvSpPr>
            <a:spLocks noChangeArrowheads="1"/>
          </p:cNvSpPr>
          <p:nvPr/>
        </p:nvSpPr>
        <p:spPr bwMode="auto">
          <a:xfrm>
            <a:off x="5555562" y="4037763"/>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45" name="Oval 18"/>
          <p:cNvSpPr>
            <a:spLocks noChangeAspect="1" noChangeArrowheads="1"/>
          </p:cNvSpPr>
          <p:nvPr/>
        </p:nvSpPr>
        <p:spPr bwMode="auto">
          <a:xfrm>
            <a:off x="5692722" y="4174923"/>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46" name="Oval 17"/>
          <p:cNvSpPr>
            <a:spLocks noChangeArrowheads="1"/>
          </p:cNvSpPr>
          <p:nvPr/>
        </p:nvSpPr>
        <p:spPr bwMode="auto">
          <a:xfrm>
            <a:off x="4307034" y="2356847"/>
            <a:ext cx="1645920" cy="1645920"/>
          </a:xfrm>
          <a:prstGeom prst="ellipse">
            <a:avLst/>
          </a:prstGeom>
          <a:solidFill>
            <a:srgbClr val="FCF7F3">
              <a:alpha val="50000"/>
            </a:srgbClr>
          </a:solidFill>
          <a:ln>
            <a:noFill/>
          </a:ln>
          <a:effectLst/>
          <a:extLst>
            <a:ext uri="{91240B29-F687-4F45-9708-019B960494DF}">
              <a14:hiddenLine xmlns:a14="http://schemas.microsoft.com/office/drawing/2010/main" w="25400" algn="ctr">
                <a:solidFill>
                  <a:srgbClr val="000000"/>
                </a:solidFill>
                <a:round/>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0" tIns="0" rIns="0" bIns="0"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1800" b="0" i="0" u="none" strike="noStrike" cap="none" normalizeH="0" baseline="0">
              <a:ln>
                <a:noFill/>
              </a:ln>
              <a:solidFill>
                <a:schemeClr val="tx1"/>
              </a:solidFill>
              <a:effectLst/>
              <a:latin typeface="Arial" panose="020B0604020202020204" pitchFamily="34" charset="0"/>
            </a:endParaRPr>
          </a:p>
        </p:txBody>
      </p:sp>
      <p:sp>
        <p:nvSpPr>
          <p:cNvPr id="47" name="Oval 18"/>
          <p:cNvSpPr>
            <a:spLocks noChangeAspect="1" noChangeArrowheads="1"/>
          </p:cNvSpPr>
          <p:nvPr/>
        </p:nvSpPr>
        <p:spPr bwMode="auto">
          <a:xfrm>
            <a:off x="4444194" y="2494007"/>
            <a:ext cx="1371600" cy="1371600"/>
          </a:xfrm>
          <a:prstGeom prst="ellipse">
            <a:avLst/>
          </a:prstGeom>
          <a:solidFill>
            <a:srgbClr val="FCF7F3"/>
          </a:solidFill>
          <a:ln w="38100">
            <a:solidFill>
              <a:srgbClr val="595959">
                <a:alpha val="74902"/>
              </a:srgbClr>
            </a:solidFill>
          </a:ln>
          <a:effectLst/>
          <a:ex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a:p>
            <a:pPr algn="ctr" eaLnBrk="0" fontAlgn="base" hangingPunct="0">
              <a:lnSpc>
                <a:spcPct val="125000"/>
              </a:lnSpc>
              <a:spcBef>
                <a:spcPct val="0"/>
              </a:spcBef>
              <a:spcAft>
                <a:spcPct val="0"/>
              </a:spcAft>
            </a:pPr>
            <a:endParaRPr lang="en-US" altLang="en-US" sz="2000" spc="300" dirty="0">
              <a:solidFill>
                <a:prstClr val="black"/>
              </a:solidFill>
              <a:latin typeface="Arial" panose="020B0604020202020204" pitchFamily="34" charset="0"/>
            </a:endParaRPr>
          </a:p>
        </p:txBody>
      </p:sp>
      <p:sp>
        <p:nvSpPr>
          <p:cNvPr id="12" name="Right Arrow 11"/>
          <p:cNvSpPr/>
          <p:nvPr/>
        </p:nvSpPr>
        <p:spPr>
          <a:xfrm rot="2181015">
            <a:off x="5935631" y="1509928"/>
            <a:ext cx="475129" cy="466164"/>
          </a:xfrm>
          <a:prstGeom prst="rightArrow">
            <a:avLst/>
          </a:prstGeom>
          <a:solidFill>
            <a:srgbClr val="FCF7F3"/>
          </a:solidFill>
          <a:ln w="38100">
            <a:solidFill>
              <a:srgbClr val="595959">
                <a:alpha val="74902"/>
              </a:srgbClr>
            </a:solidFill>
          </a:ln>
          <a:effec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sz="2000" spc="300">
              <a:solidFill>
                <a:prstClr val="black"/>
              </a:solidFill>
              <a:latin typeface="Arial" panose="020B0604020202020204" pitchFamily="34" charset="0"/>
            </a:endParaRPr>
          </a:p>
        </p:txBody>
      </p:sp>
      <p:sp>
        <p:nvSpPr>
          <p:cNvPr id="48" name="Right Arrow 47"/>
          <p:cNvSpPr/>
          <p:nvPr/>
        </p:nvSpPr>
        <p:spPr>
          <a:xfrm rot="6402660">
            <a:off x="6520769" y="3451065"/>
            <a:ext cx="475129" cy="466164"/>
          </a:xfrm>
          <a:prstGeom prst="rightArrow">
            <a:avLst/>
          </a:prstGeom>
          <a:solidFill>
            <a:srgbClr val="FCF7F3"/>
          </a:solidFill>
          <a:ln w="38100">
            <a:solidFill>
              <a:srgbClr val="595959">
                <a:alpha val="74902"/>
              </a:srgbClr>
            </a:solidFill>
          </a:ln>
          <a:effec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sz="2000" spc="300">
              <a:solidFill>
                <a:prstClr val="black"/>
              </a:solidFill>
              <a:latin typeface="Arial" panose="020B0604020202020204" pitchFamily="34" charset="0"/>
            </a:endParaRPr>
          </a:p>
        </p:txBody>
      </p:sp>
      <p:sp>
        <p:nvSpPr>
          <p:cNvPr id="49" name="Right Arrow 48"/>
          <p:cNvSpPr/>
          <p:nvPr/>
        </p:nvSpPr>
        <p:spPr>
          <a:xfrm rot="15023754">
            <a:off x="3273233" y="3489462"/>
            <a:ext cx="475129" cy="466164"/>
          </a:xfrm>
          <a:prstGeom prst="rightArrow">
            <a:avLst/>
          </a:prstGeom>
          <a:solidFill>
            <a:srgbClr val="FCF7F3"/>
          </a:solidFill>
          <a:ln w="38100">
            <a:solidFill>
              <a:srgbClr val="595959">
                <a:alpha val="74902"/>
              </a:srgbClr>
            </a:solidFill>
          </a:ln>
          <a:effec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sz="2000" spc="300">
              <a:solidFill>
                <a:prstClr val="black"/>
              </a:solidFill>
              <a:latin typeface="Arial" panose="020B0604020202020204" pitchFamily="34" charset="0"/>
            </a:endParaRPr>
          </a:p>
        </p:txBody>
      </p:sp>
      <p:sp>
        <p:nvSpPr>
          <p:cNvPr id="50" name="Right Arrow 49"/>
          <p:cNvSpPr/>
          <p:nvPr/>
        </p:nvSpPr>
        <p:spPr>
          <a:xfrm rot="10800000">
            <a:off x="4910238" y="4723104"/>
            <a:ext cx="475129" cy="466164"/>
          </a:xfrm>
          <a:prstGeom prst="rightArrow">
            <a:avLst/>
          </a:prstGeom>
          <a:solidFill>
            <a:srgbClr val="FCF7F3"/>
          </a:solidFill>
          <a:ln w="38100">
            <a:solidFill>
              <a:srgbClr val="595959">
                <a:alpha val="74902"/>
              </a:srgbClr>
            </a:solidFill>
          </a:ln>
          <a:effec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sz="2000" spc="300">
              <a:solidFill>
                <a:prstClr val="black"/>
              </a:solidFill>
              <a:latin typeface="Arial" panose="020B0604020202020204" pitchFamily="34" charset="0"/>
            </a:endParaRPr>
          </a:p>
        </p:txBody>
      </p:sp>
      <p:sp>
        <p:nvSpPr>
          <p:cNvPr id="51" name="Right Arrow 50"/>
          <p:cNvSpPr/>
          <p:nvPr/>
        </p:nvSpPr>
        <p:spPr>
          <a:xfrm rot="1307595">
            <a:off x="4012032" y="2685818"/>
            <a:ext cx="257244" cy="320794"/>
          </a:xfrm>
          <a:prstGeom prst="rightArrow">
            <a:avLst/>
          </a:prstGeom>
          <a:solidFill>
            <a:srgbClr val="FCF7F3"/>
          </a:solidFill>
          <a:ln w="38100">
            <a:solidFill>
              <a:srgbClr val="595959">
                <a:alpha val="74902"/>
              </a:srgbClr>
            </a:solidFill>
          </a:ln>
          <a:effectLst/>
        </p:spPr>
        <p:txBody>
          <a:bodyPr vert="horz" wrap="square" lIns="0" tIns="0" rIns="0" bIns="0" numCol="1" anchor="ctr" anchorCtr="0" compatLnSpc="1">
            <a:prstTxWarp prst="textNoShape">
              <a:avLst/>
            </a:prstTxWarp>
          </a:bodyPr>
          <a:lstStyle/>
          <a:p>
            <a:pPr algn="ctr" eaLnBrk="0" fontAlgn="base" hangingPunct="0">
              <a:lnSpc>
                <a:spcPct val="125000"/>
              </a:lnSpc>
              <a:spcBef>
                <a:spcPct val="0"/>
              </a:spcBef>
              <a:spcAft>
                <a:spcPct val="0"/>
              </a:spcAft>
            </a:pPr>
            <a:endParaRPr lang="en-US" sz="2000" spc="300">
              <a:solidFill>
                <a:prstClr val="black"/>
              </a:solidFill>
              <a:latin typeface="Arial" panose="020B0604020202020204" pitchFamily="34" charset="0"/>
            </a:endParaRPr>
          </a:p>
        </p:txBody>
      </p:sp>
      <p:pic>
        <p:nvPicPr>
          <p:cNvPr id="3" name="Picture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90602" y="636016"/>
            <a:ext cx="914400" cy="914400"/>
          </a:xfrm>
          <a:prstGeom prst="rect">
            <a:avLst/>
          </a:prstGeom>
          <a:noFill/>
          <a:ln>
            <a:noFill/>
          </a:ln>
        </p:spPr>
      </p:pic>
      <p:pic>
        <p:nvPicPr>
          <p:cNvPr id="4" name="Picture 3"/>
          <p:cNvPicPr>
            <a:picLocks noChangeAspect="1"/>
          </p:cNvPicPr>
          <p:nvPr/>
        </p:nvPicPr>
        <p:blipFill>
          <a:blip r:embed="rId5">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6682469" y="2062878"/>
            <a:ext cx="914400" cy="914400"/>
          </a:xfrm>
          <a:prstGeom prst="rect">
            <a:avLst/>
          </a:prstGeom>
        </p:spPr>
      </p:pic>
      <p:pic>
        <p:nvPicPr>
          <p:cNvPr id="5" name="Picture 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049156" y="4239729"/>
            <a:ext cx="658731" cy="658731"/>
          </a:xfrm>
          <a:prstGeom prst="rect">
            <a:avLst/>
          </a:prstGeom>
          <a:noFill/>
          <a:ln>
            <a:noFill/>
          </a:ln>
        </p:spPr>
      </p:pic>
      <p:pic>
        <p:nvPicPr>
          <p:cNvPr id="6" name="Picture 5"/>
          <p:cNvPicPr>
            <a:picLocks noChangeAspect="1"/>
          </p:cNvPicPr>
          <p:nvPr/>
        </p:nvPicPr>
        <p:blipFill>
          <a:blip r:embed="rId7" cstate="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5931853" y="4912826"/>
            <a:ext cx="306453" cy="306453"/>
          </a:xfrm>
          <a:prstGeom prst="rect">
            <a:avLst/>
          </a:prstGeom>
        </p:spPr>
      </p:pic>
      <p:pic>
        <p:nvPicPr>
          <p:cNvPr id="7" name="Picture 6"/>
          <p:cNvPicPr>
            <a:picLocks noChangeAspect="1"/>
          </p:cNvPicPr>
          <p:nvPr/>
        </p:nvPicPr>
        <p:blipFill>
          <a:blip r:embed="rId8" cstate="print">
            <a:duotone>
              <a:prstClr val="black"/>
              <a:schemeClr val="tx2">
                <a:tint val="45000"/>
                <a:satMod val="400000"/>
              </a:schemeClr>
            </a:duotone>
            <a:extLst>
              <a:ext uri="{28A0092B-C50C-407E-A947-70E740481C1C}">
                <a14:useLocalDpi xmlns:a14="http://schemas.microsoft.com/office/drawing/2010/main" val="0"/>
              </a:ext>
            </a:extLst>
          </a:blip>
          <a:stretch>
            <a:fillRect/>
          </a:stretch>
        </p:blipFill>
        <p:spPr>
          <a:xfrm>
            <a:off x="6487002" y="4882279"/>
            <a:ext cx="349411" cy="349411"/>
          </a:xfrm>
          <a:prstGeom prst="rect">
            <a:avLst/>
          </a:prstGeom>
        </p:spPr>
      </p:pic>
      <p:pic>
        <p:nvPicPr>
          <p:cNvPr id="8" name="Picture 7"/>
          <p:cNvPicPr>
            <a:picLocks noChangeAspect="1"/>
          </p:cNvPicPr>
          <p:nvPr/>
        </p:nvPicPr>
        <p:blipFill>
          <a:blip r:embed="rId9" cstate="print">
            <a:grayscl/>
            <a:extLst>
              <a:ext uri="{28A0092B-C50C-407E-A947-70E740481C1C}">
                <a14:useLocalDpi xmlns:a14="http://schemas.microsoft.com/office/drawing/2010/main" val="0"/>
              </a:ext>
            </a:extLst>
          </a:blip>
          <a:stretch>
            <a:fillRect/>
          </a:stretch>
        </p:blipFill>
        <p:spPr>
          <a:xfrm>
            <a:off x="4021418" y="4851031"/>
            <a:ext cx="302808" cy="379993"/>
          </a:xfrm>
          <a:prstGeom prst="rect">
            <a:avLst/>
          </a:prstGeom>
          <a:noFill/>
          <a:ln>
            <a:noFill/>
          </a:ln>
        </p:spPr>
      </p:pic>
      <p:pic>
        <p:nvPicPr>
          <p:cNvPr id="9" name="Picture 8"/>
          <p:cNvPicPr>
            <a:picLocks noChangeAspect="1"/>
          </p:cNvPicPr>
          <p:nvPr/>
        </p:nvPicPr>
        <p:blipFill>
          <a:blip r:embed="rId10" cstate="print">
            <a:duotone>
              <a:prstClr val="black"/>
              <a:srgbClr val="D9C3A5">
                <a:tint val="50000"/>
                <a:satMod val="180000"/>
              </a:srgbClr>
            </a:duotone>
            <a:extLst>
              <a:ext uri="{28A0092B-C50C-407E-A947-70E740481C1C}">
                <a14:useLocalDpi xmlns:a14="http://schemas.microsoft.com/office/drawing/2010/main" val="0"/>
              </a:ext>
            </a:extLst>
          </a:blip>
          <a:stretch>
            <a:fillRect/>
          </a:stretch>
        </p:blipFill>
        <p:spPr>
          <a:xfrm>
            <a:off x="3537696" y="4453932"/>
            <a:ext cx="416439" cy="416439"/>
          </a:xfrm>
          <a:prstGeom prst="rect">
            <a:avLst/>
          </a:prstGeom>
        </p:spPr>
      </p:pic>
      <p:pic>
        <p:nvPicPr>
          <p:cNvPr id="10" name="Picture 9"/>
          <p:cNvPicPr>
            <a:picLocks noChangeAspect="1"/>
          </p:cNvPicPr>
          <p:nvPr/>
        </p:nvPicPr>
        <p:blipFill>
          <a:blip r:embed="rId11" cstate="print">
            <a:duotone>
              <a:prstClr val="black"/>
              <a:schemeClr val="bg1">
                <a:lumMod val="50000"/>
                <a:tint val="45000"/>
                <a:satMod val="400000"/>
              </a:schemeClr>
            </a:duotone>
            <a:extLst>
              <a:ext uri="{28A0092B-C50C-407E-A947-70E740481C1C}">
                <a14:useLocalDpi xmlns:a14="http://schemas.microsoft.com/office/drawing/2010/main" val="0"/>
              </a:ext>
            </a:extLst>
          </a:blip>
          <a:stretch>
            <a:fillRect/>
          </a:stretch>
        </p:blipFill>
        <p:spPr>
          <a:xfrm>
            <a:off x="3073572" y="2008718"/>
            <a:ext cx="485252" cy="485252"/>
          </a:xfrm>
          <a:prstGeom prst="rect">
            <a:avLst/>
          </a:prstGeom>
        </p:spPr>
      </p:pic>
      <p:pic>
        <p:nvPicPr>
          <p:cNvPr id="24" name="Picture 23"/>
          <p:cNvPicPr>
            <a:picLocks noChangeAspect="1"/>
          </p:cNvPicPr>
          <p:nvPr/>
        </p:nvPicPr>
        <p:blipFill>
          <a:blip r:embed="rId12" cstate="print">
            <a:duotone>
              <a:prstClr val="black"/>
              <a:schemeClr val="bg1">
                <a:lumMod val="50000"/>
                <a:tint val="45000"/>
                <a:satMod val="400000"/>
              </a:schemeClr>
            </a:duotone>
            <a:extLst>
              <a:ext uri="{28A0092B-C50C-407E-A947-70E740481C1C}">
                <a14:useLocalDpi xmlns:a14="http://schemas.microsoft.com/office/drawing/2010/main" val="0"/>
              </a:ext>
            </a:extLst>
          </a:blip>
          <a:stretch>
            <a:fillRect/>
          </a:stretch>
        </p:blipFill>
        <p:spPr>
          <a:xfrm>
            <a:off x="2795986" y="2579312"/>
            <a:ext cx="485252" cy="485252"/>
          </a:xfrm>
          <a:prstGeom prst="rect">
            <a:avLst/>
          </a:prstGeom>
        </p:spPr>
      </p:pic>
      <p:pic>
        <p:nvPicPr>
          <p:cNvPr id="25" name="Picture 24"/>
          <p:cNvPicPr>
            <a:picLocks noChangeAspect="1"/>
          </p:cNvPicPr>
          <p:nvPr/>
        </p:nvPicPr>
        <p:blipFill>
          <a:blip r:embed="rId13">
            <a:grayscl/>
            <a:extLst>
              <a:ext uri="{28A0092B-C50C-407E-A947-70E740481C1C}">
                <a14:useLocalDpi xmlns:a14="http://schemas.microsoft.com/office/drawing/2010/main" val="0"/>
              </a:ext>
            </a:extLst>
          </a:blip>
          <a:stretch>
            <a:fillRect/>
          </a:stretch>
        </p:blipFill>
        <p:spPr>
          <a:xfrm>
            <a:off x="4684019" y="2776001"/>
            <a:ext cx="914400" cy="914400"/>
          </a:xfrm>
          <a:prstGeom prst="rect">
            <a:avLst/>
          </a:prstGeom>
        </p:spPr>
      </p:pic>
      <p:sp>
        <p:nvSpPr>
          <p:cNvPr id="38" name="Rectangle 37"/>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39" name="Picture 38"/>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52" name="Picture 51"/>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53" name="Rectangle 52"/>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54" name="Picture 53"/>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55" name="Picture 54"/>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Tree>
    <p:extLst>
      <p:ext uri="{BB962C8B-B14F-4D97-AF65-F5344CB8AC3E}">
        <p14:creationId xmlns:p14="http://schemas.microsoft.com/office/powerpoint/2010/main" val="10124123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fade">
                                      <p:cBhvr>
                                        <p:cTn id="7" dur="500"/>
                                        <p:tgtEl>
                                          <p:spTgt spid="27"/>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28"/>
                                        </p:tgtEl>
                                        <p:attrNameLst>
                                          <p:attrName>style.visibility</p:attrName>
                                        </p:attrNameLst>
                                      </p:cBhvr>
                                      <p:to>
                                        <p:strVal val="visible"/>
                                      </p:to>
                                    </p:set>
                                    <p:animEffect transition="in" filter="fade">
                                      <p:cBhvr>
                                        <p:cTn id="10" dur="500"/>
                                        <p:tgtEl>
                                          <p:spTgt spid="28"/>
                                        </p:tgtEl>
                                      </p:cBhvr>
                                    </p:animEffect>
                                  </p:childTnLst>
                                </p:cTn>
                              </p:par>
                              <p:par>
                                <p:cTn id="11" presetID="10" presetClass="entr" presetSubtype="0" fill="hold" nodeType="withEffect">
                                  <p:stCondLst>
                                    <p:cond delay="500"/>
                                  </p:stCondLst>
                                  <p:childTnLst>
                                    <p:set>
                                      <p:cBhvr>
                                        <p:cTn id="12" dur="1" fill="hold">
                                          <p:stCondLst>
                                            <p:cond delay="0"/>
                                          </p:stCondLst>
                                        </p:cTn>
                                        <p:tgtEl>
                                          <p:spTgt spid="3"/>
                                        </p:tgtEl>
                                        <p:attrNameLst>
                                          <p:attrName>style.visibility</p:attrName>
                                        </p:attrNameLst>
                                      </p:cBhvr>
                                      <p:to>
                                        <p:strVal val="visible"/>
                                      </p:to>
                                    </p:set>
                                    <p:animEffect transition="in" filter="fade">
                                      <p:cBhvr>
                                        <p:cTn id="13" dur="500"/>
                                        <p:tgtEl>
                                          <p:spTgt spid="3"/>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500"/>
                                  </p:stCondLst>
                                  <p:childTnLst>
                                    <p:set>
                                      <p:cBhvr>
                                        <p:cTn id="17" dur="1" fill="hold">
                                          <p:stCondLst>
                                            <p:cond delay="0"/>
                                          </p:stCondLst>
                                        </p:cTn>
                                        <p:tgtEl>
                                          <p:spTgt spid="30"/>
                                        </p:tgtEl>
                                        <p:attrNameLst>
                                          <p:attrName>style.visibility</p:attrName>
                                        </p:attrNameLst>
                                      </p:cBhvr>
                                      <p:to>
                                        <p:strVal val="visible"/>
                                      </p:to>
                                    </p:set>
                                    <p:animEffect transition="in" filter="fade">
                                      <p:cBhvr>
                                        <p:cTn id="18" dur="500"/>
                                        <p:tgtEl>
                                          <p:spTgt spid="30"/>
                                        </p:tgtEl>
                                      </p:cBhvr>
                                    </p:animEffect>
                                  </p:childTnLst>
                                </p:cTn>
                              </p:par>
                              <p:par>
                                <p:cTn id="19" presetID="10" presetClass="entr" presetSubtype="0" fill="hold" grpId="0" nodeType="withEffect">
                                  <p:stCondLst>
                                    <p:cond delay="500"/>
                                  </p:stCondLst>
                                  <p:childTnLst>
                                    <p:set>
                                      <p:cBhvr>
                                        <p:cTn id="20" dur="1" fill="hold">
                                          <p:stCondLst>
                                            <p:cond delay="0"/>
                                          </p:stCondLst>
                                        </p:cTn>
                                        <p:tgtEl>
                                          <p:spTgt spid="31"/>
                                        </p:tgtEl>
                                        <p:attrNameLst>
                                          <p:attrName>style.visibility</p:attrName>
                                        </p:attrNameLst>
                                      </p:cBhvr>
                                      <p:to>
                                        <p:strVal val="visible"/>
                                      </p:to>
                                    </p:set>
                                    <p:animEffect transition="in" filter="fade">
                                      <p:cBhvr>
                                        <p:cTn id="21" dur="500"/>
                                        <p:tgtEl>
                                          <p:spTgt spid="31"/>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12"/>
                                        </p:tgtEl>
                                        <p:attrNameLst>
                                          <p:attrName>style.visibility</p:attrName>
                                        </p:attrNameLst>
                                      </p:cBhvr>
                                      <p:to>
                                        <p:strVal val="visible"/>
                                      </p:to>
                                    </p:set>
                                    <p:animEffect transition="in" filter="fade">
                                      <p:cBhvr>
                                        <p:cTn id="24" dur="500"/>
                                        <p:tgtEl>
                                          <p:spTgt spid="12"/>
                                        </p:tgtEl>
                                      </p:cBhvr>
                                    </p:animEffect>
                                  </p:childTnLst>
                                </p:cTn>
                              </p:par>
                              <p:par>
                                <p:cTn id="25" presetID="10" presetClass="entr" presetSubtype="0" fill="hold" nodeType="withEffect">
                                  <p:stCondLst>
                                    <p:cond delay="1000"/>
                                  </p:stCondLst>
                                  <p:childTnLst>
                                    <p:set>
                                      <p:cBhvr>
                                        <p:cTn id="26" dur="1" fill="hold">
                                          <p:stCondLst>
                                            <p:cond delay="0"/>
                                          </p:stCondLst>
                                        </p:cTn>
                                        <p:tgtEl>
                                          <p:spTgt spid="4"/>
                                        </p:tgtEl>
                                        <p:attrNameLst>
                                          <p:attrName>style.visibility</p:attrName>
                                        </p:attrNameLst>
                                      </p:cBhvr>
                                      <p:to>
                                        <p:strVal val="visible"/>
                                      </p:to>
                                    </p:set>
                                    <p:animEffect transition="in" filter="fade">
                                      <p:cBhvr>
                                        <p:cTn id="27" dur="500"/>
                                        <p:tgtEl>
                                          <p:spTgt spid="4"/>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500"/>
                                  </p:stCondLst>
                                  <p:childTnLst>
                                    <p:set>
                                      <p:cBhvr>
                                        <p:cTn id="31" dur="1" fill="hold">
                                          <p:stCondLst>
                                            <p:cond delay="0"/>
                                          </p:stCondLst>
                                        </p:cTn>
                                        <p:tgtEl>
                                          <p:spTgt spid="44"/>
                                        </p:tgtEl>
                                        <p:attrNameLst>
                                          <p:attrName>style.visibility</p:attrName>
                                        </p:attrNameLst>
                                      </p:cBhvr>
                                      <p:to>
                                        <p:strVal val="visible"/>
                                      </p:to>
                                    </p:set>
                                    <p:animEffect transition="in" filter="fade">
                                      <p:cBhvr>
                                        <p:cTn id="32" dur="500"/>
                                        <p:tgtEl>
                                          <p:spTgt spid="44"/>
                                        </p:tgtEl>
                                      </p:cBhvr>
                                    </p:animEffect>
                                  </p:childTnLst>
                                </p:cTn>
                              </p:par>
                              <p:par>
                                <p:cTn id="33" presetID="10" presetClass="entr" presetSubtype="0" fill="hold" grpId="0" nodeType="withEffect">
                                  <p:stCondLst>
                                    <p:cond delay="500"/>
                                  </p:stCondLst>
                                  <p:childTnLst>
                                    <p:set>
                                      <p:cBhvr>
                                        <p:cTn id="34" dur="1" fill="hold">
                                          <p:stCondLst>
                                            <p:cond delay="0"/>
                                          </p:stCondLst>
                                        </p:cTn>
                                        <p:tgtEl>
                                          <p:spTgt spid="45"/>
                                        </p:tgtEl>
                                        <p:attrNameLst>
                                          <p:attrName>style.visibility</p:attrName>
                                        </p:attrNameLst>
                                      </p:cBhvr>
                                      <p:to>
                                        <p:strVal val="visible"/>
                                      </p:to>
                                    </p:set>
                                    <p:animEffect transition="in" filter="fade">
                                      <p:cBhvr>
                                        <p:cTn id="35" dur="500"/>
                                        <p:tgtEl>
                                          <p:spTgt spid="45"/>
                                        </p:tgtEl>
                                      </p:cBhvr>
                                    </p:animEffect>
                                  </p:childTnLst>
                                </p:cTn>
                              </p:par>
                              <p:par>
                                <p:cTn id="36" presetID="10" presetClass="entr" presetSubtype="0" fill="hold" grpId="0" nodeType="withEffect">
                                  <p:stCondLst>
                                    <p:cond delay="0"/>
                                  </p:stCondLst>
                                  <p:childTnLst>
                                    <p:set>
                                      <p:cBhvr>
                                        <p:cTn id="37" dur="1" fill="hold">
                                          <p:stCondLst>
                                            <p:cond delay="0"/>
                                          </p:stCondLst>
                                        </p:cTn>
                                        <p:tgtEl>
                                          <p:spTgt spid="48"/>
                                        </p:tgtEl>
                                        <p:attrNameLst>
                                          <p:attrName>style.visibility</p:attrName>
                                        </p:attrNameLst>
                                      </p:cBhvr>
                                      <p:to>
                                        <p:strVal val="visible"/>
                                      </p:to>
                                    </p:set>
                                    <p:animEffect transition="in" filter="fade">
                                      <p:cBhvr>
                                        <p:cTn id="38" dur="500"/>
                                        <p:tgtEl>
                                          <p:spTgt spid="48"/>
                                        </p:tgtEl>
                                      </p:cBhvr>
                                    </p:animEffect>
                                  </p:childTnLst>
                                </p:cTn>
                              </p:par>
                              <p:par>
                                <p:cTn id="39" presetID="10" presetClass="entr" presetSubtype="0" fill="hold" nodeType="withEffect">
                                  <p:stCondLst>
                                    <p:cond delay="1000"/>
                                  </p:stCondLst>
                                  <p:childTnLst>
                                    <p:set>
                                      <p:cBhvr>
                                        <p:cTn id="40" dur="1" fill="hold">
                                          <p:stCondLst>
                                            <p:cond delay="0"/>
                                          </p:stCondLst>
                                        </p:cTn>
                                        <p:tgtEl>
                                          <p:spTgt spid="5"/>
                                        </p:tgtEl>
                                        <p:attrNameLst>
                                          <p:attrName>style.visibility</p:attrName>
                                        </p:attrNameLst>
                                      </p:cBhvr>
                                      <p:to>
                                        <p:strVal val="visible"/>
                                      </p:to>
                                    </p:set>
                                    <p:animEffect transition="in" filter="fade">
                                      <p:cBhvr>
                                        <p:cTn id="41" dur="500"/>
                                        <p:tgtEl>
                                          <p:spTgt spid="5"/>
                                        </p:tgtEl>
                                      </p:cBhvr>
                                    </p:animEffect>
                                  </p:childTnLst>
                                </p:cTn>
                              </p:par>
                            </p:childTnLst>
                          </p:cTn>
                        </p:par>
                      </p:childTnLst>
                    </p:cTn>
                  </p:par>
                  <p:par>
                    <p:cTn id="42" fill="hold">
                      <p:stCondLst>
                        <p:cond delay="indefinite"/>
                      </p:stCondLst>
                      <p:childTnLst>
                        <p:par>
                          <p:cTn id="43" fill="hold">
                            <p:stCondLst>
                              <p:cond delay="0"/>
                            </p:stCondLst>
                            <p:childTnLst>
                              <p:par>
                                <p:cTn id="44" presetID="10" presetClass="entr" presetSubtype="0" fill="hold" nodeType="clickEffect">
                                  <p:stCondLst>
                                    <p:cond delay="0"/>
                                  </p:stCondLst>
                                  <p:childTnLst>
                                    <p:set>
                                      <p:cBhvr>
                                        <p:cTn id="45" dur="1" fill="hold">
                                          <p:stCondLst>
                                            <p:cond delay="0"/>
                                          </p:stCondLst>
                                        </p:cTn>
                                        <p:tgtEl>
                                          <p:spTgt spid="6"/>
                                        </p:tgtEl>
                                        <p:attrNameLst>
                                          <p:attrName>style.visibility</p:attrName>
                                        </p:attrNameLst>
                                      </p:cBhvr>
                                      <p:to>
                                        <p:strVal val="visible"/>
                                      </p:to>
                                    </p:set>
                                    <p:animEffect transition="in" filter="fade">
                                      <p:cBhvr>
                                        <p:cTn id="46" dur="500"/>
                                        <p:tgtEl>
                                          <p:spTgt spid="6"/>
                                        </p:tgtEl>
                                      </p:cBhvr>
                                    </p:animEffect>
                                  </p:childTnLst>
                                </p:cTn>
                              </p:par>
                              <p:par>
                                <p:cTn id="47" presetID="10" presetClass="entr" presetSubtype="0" fill="hold" nodeType="withEffect">
                                  <p:stCondLst>
                                    <p:cond delay="500"/>
                                  </p:stCondLst>
                                  <p:childTnLst>
                                    <p:set>
                                      <p:cBhvr>
                                        <p:cTn id="48" dur="1" fill="hold">
                                          <p:stCondLst>
                                            <p:cond delay="0"/>
                                          </p:stCondLst>
                                        </p:cTn>
                                        <p:tgtEl>
                                          <p:spTgt spid="7"/>
                                        </p:tgtEl>
                                        <p:attrNameLst>
                                          <p:attrName>style.visibility</p:attrName>
                                        </p:attrNameLst>
                                      </p:cBhvr>
                                      <p:to>
                                        <p:strVal val="visible"/>
                                      </p:to>
                                    </p:set>
                                    <p:animEffect transition="in" filter="fade">
                                      <p:cBhvr>
                                        <p:cTn id="49" dur="500"/>
                                        <p:tgtEl>
                                          <p:spTgt spid="7"/>
                                        </p:tgtEl>
                                      </p:cBhvr>
                                    </p:animEffect>
                                  </p:childTnLst>
                                </p:cTn>
                              </p:par>
                            </p:childTnLst>
                          </p:cTn>
                        </p:par>
                      </p:childTnLst>
                    </p:cTn>
                  </p:par>
                  <p:par>
                    <p:cTn id="50" fill="hold">
                      <p:stCondLst>
                        <p:cond delay="indefinite"/>
                      </p:stCondLst>
                      <p:childTnLst>
                        <p:par>
                          <p:cTn id="51" fill="hold">
                            <p:stCondLst>
                              <p:cond delay="0"/>
                            </p:stCondLst>
                            <p:childTnLst>
                              <p:par>
                                <p:cTn id="52" presetID="10" presetClass="entr" presetSubtype="0" fill="hold" grpId="0" nodeType="clickEffect">
                                  <p:stCondLst>
                                    <p:cond delay="500"/>
                                  </p:stCondLst>
                                  <p:childTnLst>
                                    <p:set>
                                      <p:cBhvr>
                                        <p:cTn id="53" dur="1" fill="hold">
                                          <p:stCondLst>
                                            <p:cond delay="0"/>
                                          </p:stCondLst>
                                        </p:cTn>
                                        <p:tgtEl>
                                          <p:spTgt spid="42"/>
                                        </p:tgtEl>
                                        <p:attrNameLst>
                                          <p:attrName>style.visibility</p:attrName>
                                        </p:attrNameLst>
                                      </p:cBhvr>
                                      <p:to>
                                        <p:strVal val="visible"/>
                                      </p:to>
                                    </p:set>
                                    <p:animEffect transition="in" filter="fade">
                                      <p:cBhvr>
                                        <p:cTn id="54" dur="500"/>
                                        <p:tgtEl>
                                          <p:spTgt spid="42"/>
                                        </p:tgtEl>
                                      </p:cBhvr>
                                    </p:animEffect>
                                  </p:childTnLst>
                                </p:cTn>
                              </p:par>
                              <p:par>
                                <p:cTn id="55" presetID="10" presetClass="entr" presetSubtype="0" fill="hold" grpId="0" nodeType="withEffect">
                                  <p:stCondLst>
                                    <p:cond delay="500"/>
                                  </p:stCondLst>
                                  <p:childTnLst>
                                    <p:set>
                                      <p:cBhvr>
                                        <p:cTn id="56" dur="1" fill="hold">
                                          <p:stCondLst>
                                            <p:cond delay="0"/>
                                          </p:stCondLst>
                                        </p:cTn>
                                        <p:tgtEl>
                                          <p:spTgt spid="43"/>
                                        </p:tgtEl>
                                        <p:attrNameLst>
                                          <p:attrName>style.visibility</p:attrName>
                                        </p:attrNameLst>
                                      </p:cBhvr>
                                      <p:to>
                                        <p:strVal val="visible"/>
                                      </p:to>
                                    </p:set>
                                    <p:animEffect transition="in" filter="fade">
                                      <p:cBhvr>
                                        <p:cTn id="57" dur="500"/>
                                        <p:tgtEl>
                                          <p:spTgt spid="43"/>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50"/>
                                        </p:tgtEl>
                                        <p:attrNameLst>
                                          <p:attrName>style.visibility</p:attrName>
                                        </p:attrNameLst>
                                      </p:cBhvr>
                                      <p:to>
                                        <p:strVal val="visible"/>
                                      </p:to>
                                    </p:set>
                                    <p:animEffect transition="in" filter="fade">
                                      <p:cBhvr>
                                        <p:cTn id="60" dur="500"/>
                                        <p:tgtEl>
                                          <p:spTgt spid="50"/>
                                        </p:tgtEl>
                                      </p:cBhvr>
                                    </p:animEffect>
                                  </p:childTnLst>
                                </p:cTn>
                              </p:par>
                              <p:par>
                                <p:cTn id="61" presetID="10" presetClass="entr" presetSubtype="0" fill="hold" nodeType="withEffect">
                                  <p:stCondLst>
                                    <p:cond delay="1000"/>
                                  </p:stCondLst>
                                  <p:childTnLst>
                                    <p:set>
                                      <p:cBhvr>
                                        <p:cTn id="62" dur="1" fill="hold">
                                          <p:stCondLst>
                                            <p:cond delay="0"/>
                                          </p:stCondLst>
                                        </p:cTn>
                                        <p:tgtEl>
                                          <p:spTgt spid="8"/>
                                        </p:tgtEl>
                                        <p:attrNameLst>
                                          <p:attrName>style.visibility</p:attrName>
                                        </p:attrNameLst>
                                      </p:cBhvr>
                                      <p:to>
                                        <p:strVal val="visible"/>
                                      </p:to>
                                    </p:set>
                                    <p:animEffect transition="in" filter="fade">
                                      <p:cBhvr>
                                        <p:cTn id="63" dur="500"/>
                                        <p:tgtEl>
                                          <p:spTgt spid="8"/>
                                        </p:tgtEl>
                                      </p:cBhvr>
                                    </p:animEffect>
                                  </p:childTnLst>
                                </p:cTn>
                              </p:par>
                              <p:par>
                                <p:cTn id="64" presetID="10" presetClass="entr" presetSubtype="0" fill="hold" nodeType="withEffect">
                                  <p:stCondLst>
                                    <p:cond delay="1500"/>
                                  </p:stCondLst>
                                  <p:childTnLst>
                                    <p:set>
                                      <p:cBhvr>
                                        <p:cTn id="65" dur="1" fill="hold">
                                          <p:stCondLst>
                                            <p:cond delay="0"/>
                                          </p:stCondLst>
                                        </p:cTn>
                                        <p:tgtEl>
                                          <p:spTgt spid="9"/>
                                        </p:tgtEl>
                                        <p:attrNameLst>
                                          <p:attrName>style.visibility</p:attrName>
                                        </p:attrNameLst>
                                      </p:cBhvr>
                                      <p:to>
                                        <p:strVal val="visible"/>
                                      </p:to>
                                    </p:set>
                                    <p:animEffect transition="in" filter="fade">
                                      <p:cBhvr>
                                        <p:cTn id="66" dur="500"/>
                                        <p:tgtEl>
                                          <p:spTgt spid="9"/>
                                        </p:tgtEl>
                                      </p:cBhvr>
                                    </p:animEffect>
                                  </p:childTnLst>
                                </p:cTn>
                              </p:par>
                            </p:childTnLst>
                          </p:cTn>
                        </p:par>
                      </p:childTnLst>
                    </p:cTn>
                  </p:par>
                  <p:par>
                    <p:cTn id="67" fill="hold">
                      <p:stCondLst>
                        <p:cond delay="indefinite"/>
                      </p:stCondLst>
                      <p:childTnLst>
                        <p:par>
                          <p:cTn id="68" fill="hold">
                            <p:stCondLst>
                              <p:cond delay="0"/>
                            </p:stCondLst>
                            <p:childTnLst>
                              <p:par>
                                <p:cTn id="69" presetID="10" presetClass="entr" presetSubtype="0" fill="hold" grpId="0" nodeType="clickEffect">
                                  <p:stCondLst>
                                    <p:cond delay="500"/>
                                  </p:stCondLst>
                                  <p:childTnLst>
                                    <p:set>
                                      <p:cBhvr>
                                        <p:cTn id="70" dur="1" fill="hold">
                                          <p:stCondLst>
                                            <p:cond delay="0"/>
                                          </p:stCondLst>
                                        </p:cTn>
                                        <p:tgtEl>
                                          <p:spTgt spid="40"/>
                                        </p:tgtEl>
                                        <p:attrNameLst>
                                          <p:attrName>style.visibility</p:attrName>
                                        </p:attrNameLst>
                                      </p:cBhvr>
                                      <p:to>
                                        <p:strVal val="visible"/>
                                      </p:to>
                                    </p:set>
                                    <p:animEffect transition="in" filter="fade">
                                      <p:cBhvr>
                                        <p:cTn id="71" dur="500"/>
                                        <p:tgtEl>
                                          <p:spTgt spid="40"/>
                                        </p:tgtEl>
                                      </p:cBhvr>
                                    </p:animEffect>
                                  </p:childTnLst>
                                </p:cTn>
                              </p:par>
                              <p:par>
                                <p:cTn id="72" presetID="10" presetClass="entr" presetSubtype="0" fill="hold" grpId="0" nodeType="withEffect">
                                  <p:stCondLst>
                                    <p:cond delay="500"/>
                                  </p:stCondLst>
                                  <p:childTnLst>
                                    <p:set>
                                      <p:cBhvr>
                                        <p:cTn id="73" dur="1" fill="hold">
                                          <p:stCondLst>
                                            <p:cond delay="0"/>
                                          </p:stCondLst>
                                        </p:cTn>
                                        <p:tgtEl>
                                          <p:spTgt spid="41"/>
                                        </p:tgtEl>
                                        <p:attrNameLst>
                                          <p:attrName>style.visibility</p:attrName>
                                        </p:attrNameLst>
                                      </p:cBhvr>
                                      <p:to>
                                        <p:strVal val="visible"/>
                                      </p:to>
                                    </p:set>
                                    <p:animEffect transition="in" filter="fade">
                                      <p:cBhvr>
                                        <p:cTn id="74" dur="500"/>
                                        <p:tgtEl>
                                          <p:spTgt spid="41"/>
                                        </p:tgtEl>
                                      </p:cBhvr>
                                    </p:animEffect>
                                  </p:childTnLst>
                                </p:cTn>
                              </p:par>
                              <p:par>
                                <p:cTn id="75" presetID="10" presetClass="entr" presetSubtype="0" fill="hold" grpId="0" nodeType="withEffect">
                                  <p:stCondLst>
                                    <p:cond delay="0"/>
                                  </p:stCondLst>
                                  <p:childTnLst>
                                    <p:set>
                                      <p:cBhvr>
                                        <p:cTn id="76" dur="1" fill="hold">
                                          <p:stCondLst>
                                            <p:cond delay="0"/>
                                          </p:stCondLst>
                                        </p:cTn>
                                        <p:tgtEl>
                                          <p:spTgt spid="49"/>
                                        </p:tgtEl>
                                        <p:attrNameLst>
                                          <p:attrName>style.visibility</p:attrName>
                                        </p:attrNameLst>
                                      </p:cBhvr>
                                      <p:to>
                                        <p:strVal val="visible"/>
                                      </p:to>
                                    </p:set>
                                    <p:animEffect transition="in" filter="fade">
                                      <p:cBhvr>
                                        <p:cTn id="77" dur="500"/>
                                        <p:tgtEl>
                                          <p:spTgt spid="49"/>
                                        </p:tgtEl>
                                      </p:cBhvr>
                                    </p:animEffect>
                                  </p:childTnLst>
                                </p:cTn>
                              </p:par>
                              <p:par>
                                <p:cTn id="78" presetID="10" presetClass="entr" presetSubtype="0" fill="hold" nodeType="withEffect">
                                  <p:stCondLst>
                                    <p:cond delay="1000"/>
                                  </p:stCondLst>
                                  <p:childTnLst>
                                    <p:set>
                                      <p:cBhvr>
                                        <p:cTn id="79" dur="1" fill="hold">
                                          <p:stCondLst>
                                            <p:cond delay="0"/>
                                          </p:stCondLst>
                                        </p:cTn>
                                        <p:tgtEl>
                                          <p:spTgt spid="10"/>
                                        </p:tgtEl>
                                        <p:attrNameLst>
                                          <p:attrName>style.visibility</p:attrName>
                                        </p:attrNameLst>
                                      </p:cBhvr>
                                      <p:to>
                                        <p:strVal val="visible"/>
                                      </p:to>
                                    </p:set>
                                    <p:animEffect transition="in" filter="fade">
                                      <p:cBhvr>
                                        <p:cTn id="80" dur="500"/>
                                        <p:tgtEl>
                                          <p:spTgt spid="10"/>
                                        </p:tgtEl>
                                      </p:cBhvr>
                                    </p:animEffect>
                                  </p:childTnLst>
                                </p:cTn>
                              </p:par>
                              <p:par>
                                <p:cTn id="81" presetID="10" presetClass="entr" presetSubtype="0" fill="hold" nodeType="withEffect">
                                  <p:stCondLst>
                                    <p:cond delay="1000"/>
                                  </p:stCondLst>
                                  <p:childTnLst>
                                    <p:set>
                                      <p:cBhvr>
                                        <p:cTn id="82" dur="1" fill="hold">
                                          <p:stCondLst>
                                            <p:cond delay="0"/>
                                          </p:stCondLst>
                                        </p:cTn>
                                        <p:tgtEl>
                                          <p:spTgt spid="24"/>
                                        </p:tgtEl>
                                        <p:attrNameLst>
                                          <p:attrName>style.visibility</p:attrName>
                                        </p:attrNameLst>
                                      </p:cBhvr>
                                      <p:to>
                                        <p:strVal val="visible"/>
                                      </p:to>
                                    </p:set>
                                    <p:animEffect transition="in" filter="fade">
                                      <p:cBhvr>
                                        <p:cTn id="83" dur="500"/>
                                        <p:tgtEl>
                                          <p:spTgt spid="24"/>
                                        </p:tgtEl>
                                      </p:cBhvr>
                                    </p:animEffect>
                                  </p:childTnLst>
                                </p:cTn>
                              </p:par>
                            </p:childTnLst>
                          </p:cTn>
                        </p:par>
                      </p:childTnLst>
                    </p:cTn>
                  </p:par>
                  <p:par>
                    <p:cTn id="84" fill="hold">
                      <p:stCondLst>
                        <p:cond delay="indefinite"/>
                      </p:stCondLst>
                      <p:childTnLst>
                        <p:par>
                          <p:cTn id="85" fill="hold">
                            <p:stCondLst>
                              <p:cond delay="0"/>
                            </p:stCondLst>
                            <p:childTnLst>
                              <p:par>
                                <p:cTn id="86" presetID="10" presetClass="entr" presetSubtype="0" fill="hold" grpId="0" nodeType="clickEffect">
                                  <p:stCondLst>
                                    <p:cond delay="0"/>
                                  </p:stCondLst>
                                  <p:childTnLst>
                                    <p:set>
                                      <p:cBhvr>
                                        <p:cTn id="87" dur="1" fill="hold">
                                          <p:stCondLst>
                                            <p:cond delay="0"/>
                                          </p:stCondLst>
                                        </p:cTn>
                                        <p:tgtEl>
                                          <p:spTgt spid="51"/>
                                        </p:tgtEl>
                                        <p:attrNameLst>
                                          <p:attrName>style.visibility</p:attrName>
                                        </p:attrNameLst>
                                      </p:cBhvr>
                                      <p:to>
                                        <p:strVal val="visible"/>
                                      </p:to>
                                    </p:set>
                                    <p:animEffect transition="in" filter="fade">
                                      <p:cBhvr>
                                        <p:cTn id="88" dur="500"/>
                                        <p:tgtEl>
                                          <p:spTgt spid="51"/>
                                        </p:tgtEl>
                                      </p:cBhvr>
                                    </p:animEffect>
                                  </p:childTnLst>
                                </p:cTn>
                              </p:par>
                              <p:par>
                                <p:cTn id="89" presetID="10" presetClass="entr" presetSubtype="0" fill="hold" grpId="0" nodeType="withEffect">
                                  <p:stCondLst>
                                    <p:cond delay="500"/>
                                  </p:stCondLst>
                                  <p:childTnLst>
                                    <p:set>
                                      <p:cBhvr>
                                        <p:cTn id="90" dur="1" fill="hold">
                                          <p:stCondLst>
                                            <p:cond delay="0"/>
                                          </p:stCondLst>
                                        </p:cTn>
                                        <p:tgtEl>
                                          <p:spTgt spid="46"/>
                                        </p:tgtEl>
                                        <p:attrNameLst>
                                          <p:attrName>style.visibility</p:attrName>
                                        </p:attrNameLst>
                                      </p:cBhvr>
                                      <p:to>
                                        <p:strVal val="visible"/>
                                      </p:to>
                                    </p:set>
                                    <p:animEffect transition="in" filter="fade">
                                      <p:cBhvr>
                                        <p:cTn id="91" dur="500"/>
                                        <p:tgtEl>
                                          <p:spTgt spid="46"/>
                                        </p:tgtEl>
                                      </p:cBhvr>
                                    </p:animEffect>
                                  </p:childTnLst>
                                </p:cTn>
                              </p:par>
                              <p:par>
                                <p:cTn id="92" presetID="10" presetClass="entr" presetSubtype="0" fill="hold" grpId="0" nodeType="withEffect">
                                  <p:stCondLst>
                                    <p:cond delay="500"/>
                                  </p:stCondLst>
                                  <p:childTnLst>
                                    <p:set>
                                      <p:cBhvr>
                                        <p:cTn id="93" dur="1" fill="hold">
                                          <p:stCondLst>
                                            <p:cond delay="0"/>
                                          </p:stCondLst>
                                        </p:cTn>
                                        <p:tgtEl>
                                          <p:spTgt spid="47"/>
                                        </p:tgtEl>
                                        <p:attrNameLst>
                                          <p:attrName>style.visibility</p:attrName>
                                        </p:attrNameLst>
                                      </p:cBhvr>
                                      <p:to>
                                        <p:strVal val="visible"/>
                                      </p:to>
                                    </p:set>
                                    <p:animEffect transition="in" filter="fade">
                                      <p:cBhvr>
                                        <p:cTn id="94" dur="500"/>
                                        <p:tgtEl>
                                          <p:spTgt spid="47"/>
                                        </p:tgtEl>
                                      </p:cBhvr>
                                    </p:animEffect>
                                  </p:childTnLst>
                                </p:cTn>
                              </p:par>
                              <p:par>
                                <p:cTn id="95" presetID="10" presetClass="entr" presetSubtype="0" fill="hold" nodeType="withEffect">
                                  <p:stCondLst>
                                    <p:cond delay="1000"/>
                                  </p:stCondLst>
                                  <p:childTnLst>
                                    <p:set>
                                      <p:cBhvr>
                                        <p:cTn id="96" dur="1" fill="hold">
                                          <p:stCondLst>
                                            <p:cond delay="0"/>
                                          </p:stCondLst>
                                        </p:cTn>
                                        <p:tgtEl>
                                          <p:spTgt spid="25"/>
                                        </p:tgtEl>
                                        <p:attrNameLst>
                                          <p:attrName>style.visibility</p:attrName>
                                        </p:attrNameLst>
                                      </p:cBhvr>
                                      <p:to>
                                        <p:strVal val="visible"/>
                                      </p:to>
                                    </p:set>
                                    <p:animEffect transition="in" filter="fade">
                                      <p:cBhvr>
                                        <p:cTn id="97"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animBg="1"/>
      <p:bldP spid="28" grpId="0" animBg="1"/>
      <p:bldP spid="30" grpId="0" animBg="1"/>
      <p:bldP spid="31" grpId="0" animBg="1"/>
      <p:bldP spid="40" grpId="0" animBg="1"/>
      <p:bldP spid="41" grpId="0" animBg="1"/>
      <p:bldP spid="42" grpId="0" animBg="1"/>
      <p:bldP spid="43" grpId="0" animBg="1"/>
      <p:bldP spid="44" grpId="0" animBg="1"/>
      <p:bldP spid="45" grpId="0" animBg="1"/>
      <p:bldP spid="46" grpId="0" animBg="1"/>
      <p:bldP spid="47" grpId="0" animBg="1"/>
      <p:bldP spid="12" grpId="0" animBg="1"/>
      <p:bldP spid="48" grpId="0" animBg="1"/>
      <p:bldP spid="49" grpId="0" animBg="1"/>
      <p:bldP spid="50" grpId="0" animBg="1"/>
      <p:bldP spid="51"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a:extLst>
              <a:ext uri="{28A0092B-C50C-407E-A947-70E740481C1C}">
                <a14:useLocalDpi xmlns:a14="http://schemas.microsoft.com/office/drawing/2010/main" val="0"/>
              </a:ext>
            </a:extLst>
          </a:blip>
          <a:srcRect r="16213" b="28666"/>
          <a:stretch/>
        </p:blipFill>
        <p:spPr>
          <a:xfrm>
            <a:off x="1" y="-1"/>
            <a:ext cx="12287250" cy="6972301"/>
          </a:xfrm>
          <a:prstGeom prst="rect">
            <a:avLst/>
          </a:prstGeom>
        </p:spPr>
      </p:pic>
      <p:sp>
        <p:nvSpPr>
          <p:cNvPr id="12" name="Rectangle 11"/>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8" name="Picture 1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20" name="Picture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21" name="Rectangle 20"/>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23" name="Picture 2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24" name="Picture 2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25" name="Rectangle 32"/>
          <p:cNvSpPr>
            <a:spLocks noChangeArrowheads="1"/>
          </p:cNvSpPr>
          <p:nvPr/>
        </p:nvSpPr>
        <p:spPr bwMode="auto">
          <a:xfrm>
            <a:off x="0" y="0"/>
            <a:ext cx="12252960" cy="6249787"/>
          </a:xfrm>
          <a:prstGeom prst="rect">
            <a:avLst/>
          </a:prstGeom>
          <a:solidFill>
            <a:srgbClr val="FFFFFF">
              <a:alpha val="74902"/>
            </a:srgbClr>
          </a:solidFill>
          <a:ln>
            <a:noFill/>
          </a:ln>
          <a:effectLst/>
          <a:extLst/>
        </p:spPr>
        <p:txBody>
          <a:bodyPr vert="horz" wrap="square" lIns="36576" tIns="36576" rIns="36576" bIns="36576" numCol="1" anchor="t" anchorCtr="0" compatLnSpc="1">
            <a:prstTxWarp prst="textNoShape">
              <a:avLst/>
            </a:prstTxWarp>
          </a:bodyPr>
          <a:lstStyle/>
          <a:p>
            <a:endParaRPr lang="en-US"/>
          </a:p>
        </p:txBody>
      </p:sp>
      <p:sp>
        <p:nvSpPr>
          <p:cNvPr id="11" name="Text Box 27"/>
          <p:cNvSpPr txBox="1">
            <a:spLocks noChangeArrowheads="1"/>
          </p:cNvSpPr>
          <p:nvPr/>
        </p:nvSpPr>
        <p:spPr bwMode="auto">
          <a:xfrm>
            <a:off x="144277" y="5936430"/>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lvl="0" eaLnBrk="0" fontAlgn="base" hangingPunct="0">
              <a:spcBef>
                <a:spcPct val="0"/>
              </a:spcBef>
              <a:spcAft>
                <a:spcPts val="1400"/>
              </a:spcAft>
            </a:pPr>
            <a:r>
              <a:rPr lang="en-US" altLang="en-US" sz="1000" dirty="0">
                <a:solidFill>
                  <a:srgbClr val="595959"/>
                </a:solidFill>
                <a:latin typeface="Arial" panose="020B0604020202020204" pitchFamily="34" charset="0"/>
              </a:rPr>
              <a:t>GPE/</a:t>
            </a:r>
            <a:r>
              <a:rPr lang="en-US" altLang="en-US" sz="1000" dirty="0" err="1">
                <a:solidFill>
                  <a:srgbClr val="595959"/>
                </a:solidFill>
                <a:latin typeface="Arial" panose="020B0604020202020204" pitchFamily="34" charset="0"/>
              </a:rPr>
              <a:t>NayanTara</a:t>
            </a:r>
            <a:r>
              <a:rPr lang="en-US" altLang="en-US" sz="1000" dirty="0">
                <a:solidFill>
                  <a:srgbClr val="595959"/>
                </a:solidFill>
                <a:latin typeface="Arial" panose="020B0604020202020204" pitchFamily="34" charset="0"/>
              </a:rPr>
              <a:t> </a:t>
            </a:r>
            <a:r>
              <a:rPr lang="en-US" altLang="en-US" sz="1000" dirty="0" err="1">
                <a:solidFill>
                  <a:srgbClr val="595959"/>
                </a:solidFill>
                <a:latin typeface="Arial" panose="020B0604020202020204" pitchFamily="34" charset="0"/>
              </a:rPr>
              <a:t>Gurung</a:t>
            </a:r>
            <a:r>
              <a:rPr lang="en-US" altLang="en-US" sz="1000" dirty="0">
                <a:solidFill>
                  <a:srgbClr val="595959"/>
                </a:solidFill>
                <a:latin typeface="Arial" panose="020B0604020202020204" pitchFamily="34" charset="0"/>
              </a:rPr>
              <a:t> </a:t>
            </a:r>
            <a:r>
              <a:rPr lang="en-US" altLang="en-US" sz="1000" dirty="0" err="1">
                <a:solidFill>
                  <a:srgbClr val="595959"/>
                </a:solidFill>
                <a:latin typeface="Arial" panose="020B0604020202020204" pitchFamily="34" charset="0"/>
              </a:rPr>
              <a:t>Kakshapati</a:t>
            </a:r>
            <a:endParaRPr kumimoji="0" lang="en-US" altLang="en-US" sz="3200" b="0" i="0" u="none" strike="noStrike" cap="none" normalizeH="0" baseline="0" dirty="0">
              <a:ln>
                <a:noFill/>
              </a:ln>
              <a:solidFill>
                <a:srgbClr val="595959"/>
              </a:solidFill>
              <a:effectLst/>
              <a:latin typeface="Arial" panose="020B0604020202020204" pitchFamily="34" charset="0"/>
            </a:endParaRPr>
          </a:p>
        </p:txBody>
      </p:sp>
      <p:sp>
        <p:nvSpPr>
          <p:cNvPr id="26" name="Text Box 21"/>
          <p:cNvSpPr txBox="1">
            <a:spLocks noChangeArrowheads="1"/>
          </p:cNvSpPr>
          <p:nvPr/>
        </p:nvSpPr>
        <p:spPr bwMode="auto">
          <a:xfrm>
            <a:off x="540328" y="394855"/>
            <a:ext cx="6008918" cy="5391474"/>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defTabSz="914400" rtl="0" eaLnBrk="0" fontAlgn="base" latinLnBrk="0" hangingPunct="0">
              <a:lnSpc>
                <a:spcPct val="125000"/>
              </a:lnSpc>
              <a:spcBef>
                <a:spcPct val="0"/>
              </a:spcBef>
              <a:spcAft>
                <a:spcPct val="0"/>
              </a:spcAft>
              <a:buClrTx/>
              <a:buSzTx/>
              <a:buFontTx/>
              <a:buNone/>
              <a:tabLst/>
            </a:pPr>
            <a:r>
              <a:rPr lang="en-US" altLang="en-US" sz="2400" b="1" spc="300" dirty="0">
                <a:solidFill>
                  <a:srgbClr val="891523"/>
                </a:solidFill>
                <a:latin typeface="Helvetica" panose="020B0604020202020204" pitchFamily="34" charset="0"/>
                <a:cs typeface="Helvetica" panose="020B0604020202020204" pitchFamily="34" charset="0"/>
              </a:rPr>
              <a:t>RTEI 2016</a:t>
            </a:r>
            <a:endParaRPr kumimoji="0" lang="en-US" altLang="en-US" sz="2400" b="1" i="0" u="none" strike="noStrike" cap="none" spc="300" normalizeH="0" baseline="0" dirty="0">
              <a:ln>
                <a:noFill/>
              </a:ln>
              <a:solidFill>
                <a:srgbClr val="891523"/>
              </a:solidFill>
              <a:effectLst/>
              <a:latin typeface="Helvetica" panose="020B0604020202020204" pitchFamily="34" charset="0"/>
              <a:cs typeface="Helvetica" panose="020B0604020202020204" pitchFamily="34" charset="0"/>
            </a:endParaRPr>
          </a:p>
          <a:p>
            <a:pPr marL="0" marR="0" lvl="0" indent="0" defTabSz="914400" rtl="0" eaLnBrk="0" fontAlgn="base" latinLnBrk="0" hangingPunct="0">
              <a:lnSpc>
                <a:spcPct val="125000"/>
              </a:lnSpc>
              <a:spcBef>
                <a:spcPct val="0"/>
              </a:spcBef>
              <a:spcAft>
                <a:spcPct val="0"/>
              </a:spcAft>
              <a:buClrTx/>
              <a:buSzTx/>
              <a:buFontTx/>
              <a:buNone/>
              <a:tabLst/>
            </a:pPr>
            <a:endParaRPr lang="en-US" altLang="en-US" sz="600" spc="300" dirty="0">
              <a:solidFill>
                <a:srgbClr val="891523"/>
              </a:solidFill>
              <a:latin typeface="Arial" panose="020B0604020202020204" pitchFamily="34" charset="0"/>
            </a:endParaRP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Australia: </a:t>
            </a:r>
            <a:r>
              <a:rPr lang="en-US" altLang="en-US" sz="1600" dirty="0">
                <a:solidFill>
                  <a:srgbClr val="891523"/>
                </a:solidFill>
                <a:latin typeface="Helvetica" panose="020B0604020202020204" pitchFamily="34" charset="0"/>
                <a:cs typeface="Helvetica" panose="020B0604020202020204" pitchFamily="34" charset="0"/>
              </a:rPr>
              <a:t>RESULTS International Australia</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Canada: </a:t>
            </a:r>
            <a:r>
              <a:rPr lang="en-US" altLang="en-US" sz="1600" dirty="0">
                <a:solidFill>
                  <a:srgbClr val="891523"/>
                </a:solidFill>
                <a:latin typeface="Helvetica" panose="020B0604020202020204" pitchFamily="34" charset="0"/>
                <a:cs typeface="Helvetica" panose="020B0604020202020204" pitchFamily="34" charset="0"/>
              </a:rPr>
              <a:t>RESULTS Canada</a:t>
            </a:r>
            <a:endParaRPr lang="en-US" altLang="en-US" sz="1600" b="1" dirty="0">
              <a:solidFill>
                <a:srgbClr val="891523"/>
              </a:solidFill>
              <a:latin typeface="Helvetica" panose="020B0604020202020204" pitchFamily="34" charset="0"/>
              <a:cs typeface="Helvetica" panose="020B0604020202020204" pitchFamily="34" charset="0"/>
            </a:endParaRP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Chile</a:t>
            </a:r>
            <a:r>
              <a:rPr lang="en-US" altLang="en-US" sz="1600" dirty="0">
                <a:solidFill>
                  <a:srgbClr val="891523"/>
                </a:solidFill>
                <a:latin typeface="Helvetica" panose="020B0604020202020204" pitchFamily="34" charset="0"/>
                <a:cs typeface="Helvetica" panose="020B0604020202020204" pitchFamily="34" charset="0"/>
              </a:rPr>
              <a:t>: </a:t>
            </a:r>
            <a:r>
              <a:rPr lang="es-ES" altLang="en-US" sz="1600" dirty="0">
                <a:solidFill>
                  <a:srgbClr val="891523"/>
                </a:solidFill>
                <a:latin typeface="Helvetica" panose="020B0604020202020204" pitchFamily="34" charset="0"/>
                <a:cs typeface="Helvetica" panose="020B0604020202020204" pitchFamily="34" charset="0"/>
              </a:rPr>
              <a:t>Foro por el Derecho a la Educación (Foro)</a:t>
            </a:r>
            <a:endParaRPr lang="en-US" altLang="en-US" sz="1600" dirty="0">
              <a:solidFill>
                <a:srgbClr val="891523"/>
              </a:solidFill>
              <a:latin typeface="Helvetica" panose="020B0604020202020204" pitchFamily="34" charset="0"/>
              <a:cs typeface="Helvetica" panose="020B0604020202020204" pitchFamily="34" charset="0"/>
            </a:endParaRP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DRC: </a:t>
            </a:r>
            <a:r>
              <a:rPr lang="fr-FR" altLang="en-US" sz="1600" dirty="0">
                <a:solidFill>
                  <a:srgbClr val="891523"/>
                </a:solidFill>
                <a:latin typeface="Helvetica" panose="020B0604020202020204" pitchFamily="34" charset="0"/>
                <a:cs typeface="Helvetica" panose="020B0604020202020204" pitchFamily="34" charset="0"/>
              </a:rPr>
              <a:t>Coalition Nationale de l’éducation Pour Tous (CONEPT)</a:t>
            </a:r>
            <a:endParaRPr lang="en-US" altLang="en-US" sz="1600" dirty="0">
              <a:solidFill>
                <a:srgbClr val="891523"/>
              </a:solidFill>
              <a:latin typeface="Helvetica" panose="020B0604020202020204" pitchFamily="34" charset="0"/>
              <a:cs typeface="Helvetica" panose="020B0604020202020204" pitchFamily="34" charset="0"/>
            </a:endParaRP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Ethiopia</a:t>
            </a:r>
            <a:r>
              <a:rPr lang="en-US" altLang="en-US" sz="1600" dirty="0">
                <a:solidFill>
                  <a:srgbClr val="891523"/>
                </a:solidFill>
                <a:latin typeface="Helvetica" panose="020B0604020202020204" pitchFamily="34" charset="0"/>
                <a:cs typeface="Helvetica" panose="020B0604020202020204" pitchFamily="34" charset="0"/>
              </a:rPr>
              <a:t>: Basic Education Network Ethiopia (BEN-E)</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Honduras</a:t>
            </a:r>
            <a:r>
              <a:rPr lang="en-US" altLang="en-US" sz="1600" dirty="0">
                <a:solidFill>
                  <a:srgbClr val="891523"/>
                </a:solidFill>
                <a:latin typeface="Helvetica" panose="020B0604020202020204" pitchFamily="34" charset="0"/>
                <a:cs typeface="Helvetica" panose="020B0604020202020204" pitchFamily="34" charset="0"/>
              </a:rPr>
              <a:t>: </a:t>
            </a:r>
            <a:r>
              <a:rPr lang="en-US" altLang="en-US" sz="1600" dirty="0" err="1">
                <a:solidFill>
                  <a:srgbClr val="891523"/>
                </a:solidFill>
                <a:latin typeface="Helvetica" panose="020B0604020202020204" pitchFamily="34" charset="0"/>
                <a:cs typeface="Helvetica" panose="020B0604020202020204" pitchFamily="34" charset="0"/>
              </a:rPr>
              <a:t>Foro</a:t>
            </a:r>
            <a:r>
              <a:rPr lang="en-US" altLang="en-US" sz="1600" dirty="0">
                <a:solidFill>
                  <a:srgbClr val="891523"/>
                </a:solidFill>
                <a:latin typeface="Helvetica" panose="020B0604020202020204" pitchFamily="34" charset="0"/>
                <a:cs typeface="Helvetica" panose="020B0604020202020204" pitchFamily="34" charset="0"/>
              </a:rPr>
              <a:t> Dakar</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Indonesia: </a:t>
            </a:r>
            <a:r>
              <a:rPr lang="en-US" altLang="en-US" sz="1600" dirty="0">
                <a:solidFill>
                  <a:srgbClr val="891523"/>
                </a:solidFill>
                <a:latin typeface="Helvetica" panose="020B0604020202020204" pitchFamily="34" charset="0"/>
                <a:cs typeface="Helvetica" panose="020B0604020202020204" pitchFamily="34" charset="0"/>
              </a:rPr>
              <a:t>Network for Education Watch (NEW) </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Nigeria</a:t>
            </a:r>
            <a:r>
              <a:rPr lang="en-US" altLang="en-US" sz="1600" dirty="0">
                <a:solidFill>
                  <a:srgbClr val="891523"/>
                </a:solidFill>
                <a:latin typeface="Helvetica" panose="020B0604020202020204" pitchFamily="34" charset="0"/>
                <a:cs typeface="Helvetica" panose="020B0604020202020204" pitchFamily="34" charset="0"/>
              </a:rPr>
              <a:t>: Civil Society Action Coalition on Education for All (CSACEFA)</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Palestine</a:t>
            </a:r>
            <a:r>
              <a:rPr lang="en-US" altLang="en-US" sz="1600" dirty="0">
                <a:solidFill>
                  <a:srgbClr val="891523"/>
                </a:solidFill>
                <a:latin typeface="Helvetica" panose="020B0604020202020204" pitchFamily="34" charset="0"/>
                <a:cs typeface="Helvetica" panose="020B0604020202020204" pitchFamily="34" charset="0"/>
              </a:rPr>
              <a:t>: Teacher Creativity Center (TCC)</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Philippines</a:t>
            </a:r>
            <a:r>
              <a:rPr lang="en-US" altLang="en-US" sz="1600" dirty="0">
                <a:solidFill>
                  <a:srgbClr val="891523"/>
                </a:solidFill>
                <a:latin typeface="Helvetica" panose="020B0604020202020204" pitchFamily="34" charset="0"/>
                <a:cs typeface="Helvetica" panose="020B0604020202020204" pitchFamily="34" charset="0"/>
              </a:rPr>
              <a:t>: Civil Society Network for Education Reforms (E-Net)</a:t>
            </a:r>
          </a:p>
          <a:p>
            <a:pPr marL="0" marR="0" lvl="0" indent="0" defTabSz="914400" rtl="0" eaLnBrk="0" fontAlgn="base" latinLnBrk="0" hangingPunct="0">
              <a:lnSpc>
                <a:spcPct val="125000"/>
              </a:lnSpc>
              <a:spcBef>
                <a:spcPct val="0"/>
              </a:spcBef>
              <a:spcAft>
                <a:spcPct val="0"/>
              </a:spcAft>
              <a:buClrTx/>
              <a:buSzTx/>
              <a:buFontTx/>
              <a:buNone/>
              <a:tabLst/>
            </a:pPr>
            <a:r>
              <a:rPr lang="en-US" altLang="en-US" sz="1600" b="1" dirty="0">
                <a:solidFill>
                  <a:srgbClr val="891523"/>
                </a:solidFill>
                <a:latin typeface="Helvetica" panose="020B0604020202020204" pitchFamily="34" charset="0"/>
                <a:cs typeface="Helvetica" panose="020B0604020202020204" pitchFamily="34" charset="0"/>
              </a:rPr>
              <a:t>South Korea</a:t>
            </a:r>
            <a:r>
              <a:rPr lang="en-US" altLang="en-US" sz="1600" dirty="0">
                <a:solidFill>
                  <a:srgbClr val="891523"/>
                </a:solidFill>
                <a:latin typeface="Helvetica" panose="020B0604020202020204" pitchFamily="34" charset="0"/>
                <a:cs typeface="Helvetica" panose="020B0604020202020204" pitchFamily="34" charset="0"/>
              </a:rPr>
              <a:t>: RESULTS Korea</a:t>
            </a:r>
          </a:p>
          <a:p>
            <a:pPr marL="0" marR="0" lvl="0" indent="0" defTabSz="914400" rtl="0" eaLnBrk="0" fontAlgn="base" latinLnBrk="0" hangingPunct="0">
              <a:lnSpc>
                <a:spcPct val="125000"/>
              </a:lnSpc>
              <a:spcBef>
                <a:spcPct val="0"/>
              </a:spcBef>
              <a:spcAft>
                <a:spcPct val="0"/>
              </a:spcAft>
              <a:buClrTx/>
              <a:buSzTx/>
              <a:buFontTx/>
              <a:buNone/>
              <a:tabLst/>
            </a:pPr>
            <a:r>
              <a:rPr lang="en-US" altLang="en-US" sz="1600" b="1" dirty="0">
                <a:solidFill>
                  <a:srgbClr val="891523"/>
                </a:solidFill>
                <a:latin typeface="Helvetica" panose="020B0604020202020204" pitchFamily="34" charset="0"/>
                <a:cs typeface="Helvetica" panose="020B0604020202020204" pitchFamily="34" charset="0"/>
              </a:rPr>
              <a:t>Tanzania</a:t>
            </a:r>
            <a:r>
              <a:rPr lang="en-US" altLang="en-US" sz="1600" dirty="0">
                <a:solidFill>
                  <a:srgbClr val="891523"/>
                </a:solidFill>
                <a:latin typeface="Helvetica" panose="020B0604020202020204" pitchFamily="34" charset="0"/>
                <a:cs typeface="Helvetica" panose="020B0604020202020204" pitchFamily="34" charset="0"/>
              </a:rPr>
              <a:t>: </a:t>
            </a:r>
            <a:r>
              <a:rPr lang="en-US" altLang="en-US" sz="1600" dirty="0" err="1">
                <a:solidFill>
                  <a:srgbClr val="891523"/>
                </a:solidFill>
                <a:latin typeface="Helvetica" panose="020B0604020202020204" pitchFamily="34" charset="0"/>
                <a:cs typeface="Helvetica" panose="020B0604020202020204" pitchFamily="34" charset="0"/>
              </a:rPr>
              <a:t>HakiElimu</a:t>
            </a:r>
            <a:endParaRPr lang="en-US" altLang="en-US" sz="1600" dirty="0">
              <a:solidFill>
                <a:srgbClr val="891523"/>
              </a:solidFill>
              <a:latin typeface="Helvetica" panose="020B0604020202020204" pitchFamily="34" charset="0"/>
              <a:cs typeface="Helvetica" panose="020B0604020202020204" pitchFamily="34" charset="0"/>
            </a:endParaRPr>
          </a:p>
          <a:p>
            <a:pPr marL="0" marR="0" lvl="0" indent="0" defTabSz="914400" rtl="0" eaLnBrk="0" fontAlgn="base" latinLnBrk="0" hangingPunct="0">
              <a:lnSpc>
                <a:spcPct val="125000"/>
              </a:lnSpc>
              <a:spcBef>
                <a:spcPct val="0"/>
              </a:spcBef>
              <a:spcAft>
                <a:spcPct val="0"/>
              </a:spcAft>
              <a:buClrTx/>
              <a:buSzTx/>
              <a:buFontTx/>
              <a:buNone/>
              <a:tabLst/>
            </a:pPr>
            <a:r>
              <a:rPr lang="en-US" altLang="en-US" sz="1600" b="1" dirty="0">
                <a:solidFill>
                  <a:srgbClr val="891523"/>
                </a:solidFill>
                <a:latin typeface="Helvetica" panose="020B0604020202020204" pitchFamily="34" charset="0"/>
                <a:cs typeface="Helvetica" panose="020B0604020202020204" pitchFamily="34" charset="0"/>
              </a:rPr>
              <a:t>United Kingdom</a:t>
            </a:r>
            <a:r>
              <a:rPr lang="en-US" altLang="en-US" sz="1600" dirty="0">
                <a:solidFill>
                  <a:srgbClr val="891523"/>
                </a:solidFill>
                <a:latin typeface="Helvetica" panose="020B0604020202020204" pitchFamily="34" charset="0"/>
                <a:cs typeface="Helvetica" panose="020B0604020202020204" pitchFamily="34" charset="0"/>
              </a:rPr>
              <a:t>: RESULTS UK</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United States: </a:t>
            </a:r>
            <a:r>
              <a:rPr lang="en-US" altLang="en-US" sz="1600" dirty="0">
                <a:solidFill>
                  <a:srgbClr val="891523"/>
                </a:solidFill>
                <a:latin typeface="Helvetica" panose="020B0604020202020204" pitchFamily="34" charset="0"/>
                <a:cs typeface="Helvetica" panose="020B0604020202020204" pitchFamily="34" charset="0"/>
              </a:rPr>
              <a:t>Global Campaign for Education-US (GCE-US)</a:t>
            </a:r>
          </a:p>
          <a:p>
            <a:pPr lvl="0" eaLnBrk="0" fontAlgn="base" hangingPunct="0">
              <a:lnSpc>
                <a:spcPct val="125000"/>
              </a:lnSpc>
              <a:spcBef>
                <a:spcPct val="0"/>
              </a:spcBef>
              <a:spcAft>
                <a:spcPct val="0"/>
              </a:spcAft>
            </a:pPr>
            <a:r>
              <a:rPr lang="en-US" altLang="en-US" sz="1600" b="1" dirty="0">
                <a:solidFill>
                  <a:srgbClr val="891523"/>
                </a:solidFill>
                <a:latin typeface="Helvetica" panose="020B0604020202020204" pitchFamily="34" charset="0"/>
                <a:cs typeface="Helvetica" panose="020B0604020202020204" pitchFamily="34" charset="0"/>
              </a:rPr>
              <a:t>Zimbabwe</a:t>
            </a:r>
            <a:r>
              <a:rPr lang="en-US" altLang="en-US" sz="1600" dirty="0">
                <a:solidFill>
                  <a:srgbClr val="891523"/>
                </a:solidFill>
                <a:latin typeface="Helvetica" panose="020B0604020202020204" pitchFamily="34" charset="0"/>
                <a:cs typeface="Helvetica" panose="020B0604020202020204" pitchFamily="34" charset="0"/>
              </a:rPr>
              <a:t>: Education Coalition of Zimbabwe (ECOZI)</a:t>
            </a:r>
            <a:endParaRPr kumimoji="0" lang="en-US" altLang="en-US" sz="2400" i="0" u="none" strike="noStrike" cap="none" normalizeH="0" baseline="0" dirty="0">
              <a:ln>
                <a:noFill/>
              </a:ln>
              <a:solidFill>
                <a:schemeClr val="tx1"/>
              </a:solidFill>
              <a:effectLst/>
              <a:latin typeface="Helvetica" panose="020B0604020202020204" pitchFamily="34" charset="0"/>
              <a:cs typeface="Helvetica" panose="020B0604020202020204" pitchFamily="34" charset="0"/>
            </a:endParaRPr>
          </a:p>
        </p:txBody>
      </p:sp>
      <p:pic>
        <p:nvPicPr>
          <p:cNvPr id="27" name="Picture 26" descr="http://www.sagedadevelopmentassociation.org.et/images/ben_logo.gif"/>
          <p:cNvPicPr>
            <a:picLocks noChangeAspect="1"/>
          </p:cNvPicPr>
          <p:nvPr/>
        </p:nvPicPr>
        <p:blipFill>
          <a:blip r:embed="rId6" cstate="print">
            <a:clrChange>
              <a:clrFrom>
                <a:srgbClr val="ECF5FE"/>
              </a:clrFrom>
              <a:clrTo>
                <a:srgbClr val="ECF5FE">
                  <a:alpha val="0"/>
                </a:srgbClr>
              </a:clrTo>
            </a:clrChange>
            <a:extLst>
              <a:ext uri="{28A0092B-C50C-407E-A947-70E740481C1C}">
                <a14:useLocalDpi xmlns:a14="http://schemas.microsoft.com/office/drawing/2010/main" val="0"/>
              </a:ext>
            </a:extLst>
          </a:blip>
          <a:srcRect/>
          <a:stretch>
            <a:fillRect/>
          </a:stretch>
        </p:blipFill>
        <p:spPr bwMode="auto">
          <a:xfrm>
            <a:off x="6852126" y="5099682"/>
            <a:ext cx="901238" cy="822960"/>
          </a:xfrm>
          <a:prstGeom prst="rect">
            <a:avLst/>
          </a:prstGeom>
          <a:noFill/>
          <a:ln>
            <a:noFill/>
          </a:ln>
        </p:spPr>
      </p:pic>
      <p:pic>
        <p:nvPicPr>
          <p:cNvPr id="28" name="Picture 27">
            <a:hlinkClick r:id="rId7"/>
          </p:cNvPr>
          <p:cNvPicPr>
            <a:picLocks noChangeAspect="1"/>
          </p:cNvPicPr>
          <p:nvPr/>
        </p:nvPicPr>
        <p:blipFill>
          <a:blip r:embed="rId8">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822772" y="3952565"/>
            <a:ext cx="930592" cy="731520"/>
          </a:xfrm>
          <a:prstGeom prst="rect">
            <a:avLst/>
          </a:prstGeom>
        </p:spPr>
      </p:pic>
      <p:pic>
        <p:nvPicPr>
          <p:cNvPr id="29" name="Picture 28" descr="Foro Dakar Honduras"/>
          <p:cNvPicPr>
            <a:picLocks noChangeAspect="1"/>
          </p:cNvPicPr>
          <p:nvPr/>
        </p:nvPicPr>
        <p:blipFill>
          <a:blip r:embed="rId9"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548943" y="281260"/>
            <a:ext cx="1275715" cy="1275715"/>
          </a:xfrm>
          <a:prstGeom prst="rect">
            <a:avLst/>
          </a:prstGeom>
          <a:noFill/>
          <a:ln>
            <a:noFill/>
          </a:ln>
        </p:spPr>
      </p:pic>
      <p:pic>
        <p:nvPicPr>
          <p:cNvPr id="30" name="Picture 29">
            <a:hlinkClick r:id="rId10"/>
          </p:cNvPr>
          <p:cNvPicPr>
            <a:picLocks noChangeAspect="1"/>
          </p:cNvPicPr>
          <p:nvPr/>
        </p:nvPicPr>
        <p:blipFill>
          <a:blip r:embed="rId11">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0211056" y="4067970"/>
            <a:ext cx="1800225" cy="590550"/>
          </a:xfrm>
          <a:prstGeom prst="rect">
            <a:avLst/>
          </a:prstGeom>
        </p:spPr>
      </p:pic>
      <p:pic>
        <p:nvPicPr>
          <p:cNvPr id="31" name="Picture 30">
            <a:hlinkClick r:id="rId12"/>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8372787" y="1855626"/>
            <a:ext cx="1628029" cy="640080"/>
          </a:xfrm>
          <a:prstGeom prst="rect">
            <a:avLst/>
          </a:prstGeom>
        </p:spPr>
      </p:pic>
      <p:pic>
        <p:nvPicPr>
          <p:cNvPr id="32" name="Picture 31">
            <a:hlinkClick r:id="rId14"/>
          </p:cNvPr>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10120568" y="2896293"/>
            <a:ext cx="1695450" cy="628650"/>
          </a:xfrm>
          <a:prstGeom prst="rect">
            <a:avLst/>
          </a:prstGeom>
        </p:spPr>
      </p:pic>
      <p:pic>
        <p:nvPicPr>
          <p:cNvPr id="33" name="Picture 32">
            <a:hlinkClick r:id="rId16"/>
          </p:cNvPr>
          <p:cNvPicPr/>
          <p:nvPr/>
        </p:nvPicPr>
        <p:blipFill>
          <a:blip r:embed="rId17">
            <a:extLst>
              <a:ext uri="{28A0092B-C50C-407E-A947-70E740481C1C}">
                <a14:useLocalDpi xmlns:a14="http://schemas.microsoft.com/office/drawing/2010/main" val="0"/>
              </a:ext>
            </a:extLst>
          </a:blip>
          <a:stretch>
            <a:fillRect/>
          </a:stretch>
        </p:blipFill>
        <p:spPr>
          <a:xfrm>
            <a:off x="6549246" y="1761814"/>
            <a:ext cx="1477645" cy="753110"/>
          </a:xfrm>
          <a:prstGeom prst="rect">
            <a:avLst/>
          </a:prstGeom>
        </p:spPr>
      </p:pic>
      <p:pic>
        <p:nvPicPr>
          <p:cNvPr id="35" name="Picture 34">
            <a:hlinkClick r:id="rId18"/>
          </p:cNvPr>
          <p:cNvPicPr/>
          <p:nvPr/>
        </p:nvPicPr>
        <p:blipFill>
          <a:blip r:embed="rId19">
            <a:extLst>
              <a:ext uri="{28A0092B-C50C-407E-A947-70E740481C1C}">
                <a14:useLocalDpi xmlns:a14="http://schemas.microsoft.com/office/drawing/2010/main" val="0"/>
              </a:ext>
            </a:extLst>
          </a:blip>
          <a:stretch>
            <a:fillRect/>
          </a:stretch>
        </p:blipFill>
        <p:spPr>
          <a:xfrm>
            <a:off x="6533371" y="520973"/>
            <a:ext cx="1509395" cy="796290"/>
          </a:xfrm>
          <a:prstGeom prst="rect">
            <a:avLst/>
          </a:prstGeom>
        </p:spPr>
      </p:pic>
      <p:pic>
        <p:nvPicPr>
          <p:cNvPr id="36" name="Picture 35">
            <a:hlinkClick r:id="rId20"/>
          </p:cNvPr>
          <p:cNvPicPr>
            <a:picLocks noChangeAspect="1"/>
          </p:cNvPicPr>
          <p:nvPr/>
        </p:nvPicPr>
        <p:blipFill>
          <a:blip r:embed="rId21">
            <a:extLst>
              <a:ext uri="{28A0092B-C50C-407E-A947-70E740481C1C}">
                <a14:useLocalDpi xmlns:a14="http://schemas.microsoft.com/office/drawing/2010/main" val="0"/>
              </a:ext>
            </a:extLst>
          </a:blip>
          <a:stretch>
            <a:fillRect/>
          </a:stretch>
        </p:blipFill>
        <p:spPr>
          <a:xfrm>
            <a:off x="10211056" y="520973"/>
            <a:ext cx="1514475" cy="781050"/>
          </a:xfrm>
          <a:prstGeom prst="rect">
            <a:avLst/>
          </a:prstGeom>
        </p:spPr>
      </p:pic>
      <p:pic>
        <p:nvPicPr>
          <p:cNvPr id="37" name="Picture 36">
            <a:hlinkClick r:id="rId22"/>
          </p:cNvPr>
          <p:cNvPicPr>
            <a:picLocks noChangeAspect="1"/>
          </p:cNvPicPr>
          <p:nvPr/>
        </p:nvPicPr>
        <p:blipFill>
          <a:blip r:embed="rId23">
            <a:extLst>
              <a:ext uri="{28A0092B-C50C-407E-A947-70E740481C1C}">
                <a14:useLocalDpi xmlns:a14="http://schemas.microsoft.com/office/drawing/2010/main" val="0"/>
              </a:ext>
            </a:extLst>
          </a:blip>
          <a:stretch>
            <a:fillRect/>
          </a:stretch>
        </p:blipFill>
        <p:spPr>
          <a:xfrm>
            <a:off x="8683881" y="3931300"/>
            <a:ext cx="1005840" cy="944014"/>
          </a:xfrm>
          <a:prstGeom prst="rect">
            <a:avLst/>
          </a:prstGeom>
        </p:spPr>
      </p:pic>
      <p:pic>
        <p:nvPicPr>
          <p:cNvPr id="38" name="Picture 37" descr="clogo.png">
            <a:hlinkClick r:id="rId24"/>
          </p:cNvPr>
          <p:cNvPicPr>
            <a:picLocks noChangeAspect="1"/>
          </p:cNvPicPr>
          <p:nvPr/>
        </p:nvPicPr>
        <p:blipFill>
          <a:blip r:embed="rId25">
            <a:extLst>
              <a:ext uri="{28A0092B-C50C-407E-A947-70E740481C1C}">
                <a14:useLocalDpi xmlns:a14="http://schemas.microsoft.com/office/drawing/2010/main" val="0"/>
              </a:ext>
            </a:extLst>
          </a:blip>
          <a:srcRect/>
          <a:stretch>
            <a:fillRect/>
          </a:stretch>
        </p:blipFill>
        <p:spPr bwMode="auto">
          <a:xfrm>
            <a:off x="8677500" y="2805367"/>
            <a:ext cx="1005840" cy="812650"/>
          </a:xfrm>
          <a:prstGeom prst="rect">
            <a:avLst/>
          </a:prstGeom>
          <a:noFill/>
          <a:ln>
            <a:noFill/>
          </a:ln>
        </p:spPr>
      </p:pic>
      <p:pic>
        <p:nvPicPr>
          <p:cNvPr id="39" name="Picture 38" descr="logo.png">
            <a:hlinkClick r:id="rId26"/>
          </p:cNvPr>
          <p:cNvPicPr/>
          <p:nvPr/>
        </p:nvPicPr>
        <p:blipFill>
          <a:blip r:embed="rId27">
            <a:extLst>
              <a:ext uri="{28A0092B-C50C-407E-A947-70E740481C1C}">
                <a14:useLocalDpi xmlns:a14="http://schemas.microsoft.com/office/drawing/2010/main" val="0"/>
              </a:ext>
            </a:extLst>
          </a:blip>
          <a:srcRect/>
          <a:stretch>
            <a:fillRect/>
          </a:stretch>
        </p:blipFill>
        <p:spPr bwMode="auto">
          <a:xfrm>
            <a:off x="8276180" y="5329107"/>
            <a:ext cx="1808480" cy="407670"/>
          </a:xfrm>
          <a:prstGeom prst="rect">
            <a:avLst/>
          </a:prstGeom>
          <a:noFill/>
          <a:ln>
            <a:noFill/>
          </a:ln>
        </p:spPr>
      </p:pic>
      <p:pic>
        <p:nvPicPr>
          <p:cNvPr id="40" name="Picture 39" descr="wp5e6d0455_05_06.jpg">
            <a:hlinkClick r:id="rId28"/>
          </p:cNvPr>
          <p:cNvPicPr>
            <a:picLocks noChangeAspect="1"/>
          </p:cNvPicPr>
          <p:nvPr/>
        </p:nvPicPr>
        <p:blipFill>
          <a:blip r:embed="rId29">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0435440" y="5075742"/>
            <a:ext cx="1065704" cy="914400"/>
          </a:xfrm>
          <a:prstGeom prst="rect">
            <a:avLst/>
          </a:prstGeom>
          <a:noFill/>
          <a:ln>
            <a:noFill/>
          </a:ln>
        </p:spPr>
      </p:pic>
      <p:pic>
        <p:nvPicPr>
          <p:cNvPr id="41" name="Picture 40" descr="LOGOFORO2013-300x189.jpg">
            <a:hlinkClick r:id="rId30"/>
          </p:cNvPr>
          <p:cNvPicPr/>
          <p:nvPr/>
        </p:nvPicPr>
        <p:blipFill>
          <a:blip r:embed="rId31">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619413" y="2827402"/>
            <a:ext cx="1337310" cy="836930"/>
          </a:xfrm>
          <a:prstGeom prst="rect">
            <a:avLst/>
          </a:prstGeom>
          <a:noFill/>
          <a:ln>
            <a:noFill/>
          </a:ln>
        </p:spPr>
      </p:pic>
      <p:pic>
        <p:nvPicPr>
          <p:cNvPr id="42" name="Picture 41" descr="hakielimu logo_218x0.jpg">
            <a:hlinkClick r:id="rId32"/>
          </p:cNvPr>
          <p:cNvPicPr>
            <a:picLocks noChangeAspect="1"/>
          </p:cNvPicPr>
          <p:nvPr/>
        </p:nvPicPr>
        <p:blipFill>
          <a:blip r:embed="rId3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0544399" y="1718466"/>
            <a:ext cx="847787" cy="914400"/>
          </a:xfrm>
          <a:prstGeom prst="rect">
            <a:avLst/>
          </a:prstGeom>
          <a:noFill/>
          <a:ln>
            <a:noFill/>
          </a:ln>
        </p:spPr>
      </p:pic>
    </p:spTree>
    <p:extLst>
      <p:ext uri="{BB962C8B-B14F-4D97-AF65-F5344CB8AC3E}">
        <p14:creationId xmlns:p14="http://schemas.microsoft.com/office/powerpoint/2010/main" val="405717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 y="-6116355"/>
            <a:ext cx="12192001" cy="19090710"/>
          </a:xfrm>
          <a:prstGeom prst="rect">
            <a:avLst/>
          </a:prstGeom>
        </p:spPr>
      </p:pic>
      <p:sp>
        <p:nvSpPr>
          <p:cNvPr id="3" name="Rectangle 32"/>
          <p:cNvSpPr>
            <a:spLocks noChangeArrowheads="1"/>
          </p:cNvSpPr>
          <p:nvPr/>
        </p:nvSpPr>
        <p:spPr bwMode="auto">
          <a:xfrm>
            <a:off x="0" y="-912"/>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3350766" y="436287"/>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Overall Findings</a:t>
            </a:r>
          </a:p>
        </p:txBody>
      </p:sp>
      <p:pic>
        <p:nvPicPr>
          <p:cNvPr id="30" name="Picture 29"/>
          <p:cNvPicPr>
            <a:picLocks noChangeAspect="1"/>
          </p:cNvPicPr>
          <p:nvPr/>
        </p:nvPicPr>
        <p:blipFill rotWithShape="1">
          <a:blip r:embed="rId4">
            <a:clrChange>
              <a:clrFrom>
                <a:srgbClr val="FFFFFF"/>
              </a:clrFrom>
              <a:clrTo>
                <a:srgbClr val="FFFFFF">
                  <a:alpha val="0"/>
                </a:srgbClr>
              </a:clrTo>
            </a:clrChange>
          </a:blip>
          <a:srcRect l="8377" t="24770" r="19219" b="10672"/>
          <a:stretch/>
        </p:blipFill>
        <p:spPr>
          <a:xfrm>
            <a:off x="786812" y="1073578"/>
            <a:ext cx="10632558" cy="5330131"/>
          </a:xfrm>
          <a:prstGeom prst="rect">
            <a:avLst/>
          </a:prstGeom>
        </p:spPr>
      </p:pic>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Livia Barton</a:t>
            </a:r>
            <a:endParaRPr kumimoji="0" lang="en-US" altLang="en-US" sz="3200" b="0" i="0" u="none" strike="noStrike" cap="none" normalizeH="0" baseline="0" dirty="0">
              <a:ln>
                <a:noFill/>
              </a:ln>
              <a:effectLst/>
              <a:latin typeface="Arial" panose="020B0604020202020204" pitchFamily="34" charset="0"/>
            </a:endParaRPr>
          </a:p>
        </p:txBody>
      </p:sp>
    </p:spTree>
    <p:extLst>
      <p:ext uri="{BB962C8B-B14F-4D97-AF65-F5344CB8AC3E}">
        <p14:creationId xmlns:p14="http://schemas.microsoft.com/office/powerpoint/2010/main" val="31499658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7123" y="-419780"/>
            <a:ext cx="12209123" cy="9419272"/>
          </a:xfrm>
          <a:prstGeom prst="rect">
            <a:avLst/>
          </a:prstGeom>
        </p:spPr>
      </p:pic>
      <p:sp>
        <p:nvSpPr>
          <p:cNvPr id="3" name="Rectangle 32"/>
          <p:cNvSpPr>
            <a:spLocks noChangeArrowheads="1"/>
          </p:cNvSpPr>
          <p:nvPr/>
        </p:nvSpPr>
        <p:spPr bwMode="auto">
          <a:xfrm>
            <a:off x="-17123" y="-912"/>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3350766" y="436287"/>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Findings</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graphicFrame>
        <p:nvGraphicFramePr>
          <p:cNvPr id="12" name="Chart 11">
            <a:extLst>
              <a:ext uri="{FF2B5EF4-FFF2-40B4-BE49-F238E27FC236}">
                <a16:creationId xmlns:a16="http://schemas.microsoft.com/office/drawing/2014/main" id="{9F5B0C1E-108F-4E34-83BF-4136D02942F2}"/>
              </a:ext>
            </a:extLst>
          </p:cNvPr>
          <p:cNvGraphicFramePr/>
          <p:nvPr>
            <p:extLst>
              <p:ext uri="{D42A27DB-BD31-4B8C-83A1-F6EECF244321}">
                <p14:modId xmlns:p14="http://schemas.microsoft.com/office/powerpoint/2010/main" val="3042436748"/>
              </p:ext>
            </p:extLst>
          </p:nvPr>
        </p:nvGraphicFramePr>
        <p:xfrm>
          <a:off x="855214" y="1021062"/>
          <a:ext cx="10515792" cy="4893558"/>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135494960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7123" y="-419780"/>
            <a:ext cx="12209123" cy="9419272"/>
          </a:xfrm>
          <a:prstGeom prst="rect">
            <a:avLst/>
          </a:prstGeom>
        </p:spPr>
      </p:pic>
      <p:sp>
        <p:nvSpPr>
          <p:cNvPr id="3" name="Rectangle 32"/>
          <p:cNvSpPr>
            <a:spLocks noChangeArrowheads="1"/>
          </p:cNvSpPr>
          <p:nvPr/>
        </p:nvSpPr>
        <p:spPr bwMode="auto">
          <a:xfrm>
            <a:off x="-17123" y="0"/>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3350766" y="436287"/>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Findings</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graphicFrame>
        <p:nvGraphicFramePr>
          <p:cNvPr id="20" name="Chart 19">
            <a:extLst>
              <a:ext uri="{FF2B5EF4-FFF2-40B4-BE49-F238E27FC236}">
                <a16:creationId xmlns:a16="http://schemas.microsoft.com/office/drawing/2014/main" id="{00000000-0008-0000-0000-000004000000}"/>
              </a:ext>
            </a:extLst>
          </p:cNvPr>
          <p:cNvGraphicFramePr/>
          <p:nvPr>
            <p:extLst>
              <p:ext uri="{D42A27DB-BD31-4B8C-83A1-F6EECF244321}">
                <p14:modId xmlns:p14="http://schemas.microsoft.com/office/powerpoint/2010/main" val="283792515"/>
              </p:ext>
            </p:extLst>
          </p:nvPr>
        </p:nvGraphicFramePr>
        <p:xfrm>
          <a:off x="324465" y="1171163"/>
          <a:ext cx="11400503" cy="5045845"/>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242176684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7123" y="-419780"/>
            <a:ext cx="12209123" cy="9419272"/>
          </a:xfrm>
          <a:prstGeom prst="rect">
            <a:avLst/>
          </a:prstGeom>
        </p:spPr>
      </p:pic>
      <p:sp>
        <p:nvSpPr>
          <p:cNvPr id="3" name="Rectangle 32"/>
          <p:cNvSpPr>
            <a:spLocks noChangeArrowheads="1"/>
          </p:cNvSpPr>
          <p:nvPr/>
        </p:nvSpPr>
        <p:spPr bwMode="auto">
          <a:xfrm>
            <a:off x="-17123" y="0"/>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a:solidFill>
                <a:sysClr val="windowText" lastClr="000000"/>
              </a:solidFill>
            </a:endParaRPr>
          </a:p>
        </p:txBody>
      </p:sp>
      <p:sp>
        <p:nvSpPr>
          <p:cNvPr id="5" name="TextBox 4"/>
          <p:cNvSpPr txBox="1"/>
          <p:nvPr/>
        </p:nvSpPr>
        <p:spPr>
          <a:xfrm>
            <a:off x="5851142" y="604601"/>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Availability Highlights</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graphicFrame>
        <p:nvGraphicFramePr>
          <p:cNvPr id="20" name="Chart 19"/>
          <p:cNvGraphicFramePr/>
          <p:nvPr>
            <p:extLst>
              <p:ext uri="{D42A27DB-BD31-4B8C-83A1-F6EECF244321}">
                <p14:modId xmlns:p14="http://schemas.microsoft.com/office/powerpoint/2010/main" val="1619194237"/>
              </p:ext>
            </p:extLst>
          </p:nvPr>
        </p:nvGraphicFramePr>
        <p:xfrm>
          <a:off x="144278" y="221227"/>
          <a:ext cx="5645904" cy="2595715"/>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23" name="Chart 22"/>
          <p:cNvGraphicFramePr/>
          <p:nvPr>
            <p:extLst>
              <p:ext uri="{D42A27DB-BD31-4B8C-83A1-F6EECF244321}">
                <p14:modId xmlns:p14="http://schemas.microsoft.com/office/powerpoint/2010/main" val="723873979"/>
              </p:ext>
            </p:extLst>
          </p:nvPr>
        </p:nvGraphicFramePr>
        <p:xfrm>
          <a:off x="144278" y="2816942"/>
          <a:ext cx="5645904" cy="3065811"/>
        </p:xfrm>
        <a:graphic>
          <a:graphicData uri="http://schemas.openxmlformats.org/drawingml/2006/chart">
            <c:chart xmlns:c="http://schemas.openxmlformats.org/drawingml/2006/chart" xmlns:r="http://schemas.openxmlformats.org/officeDocument/2006/relationships" r:id="rId7"/>
          </a:graphicData>
        </a:graphic>
      </p:graphicFrame>
      <p:pic>
        <p:nvPicPr>
          <p:cNvPr id="24" name="Picture 23"/>
          <p:cNvPicPr>
            <a:picLocks noChangeAspect="1"/>
          </p:cNvPicPr>
          <p:nvPr/>
        </p:nvPicPr>
        <p:blipFill rotWithShape="1">
          <a:blip r:embed="rId8">
            <a:clrChange>
              <a:clrFrom>
                <a:srgbClr val="FFFFFF"/>
              </a:clrFrom>
              <a:clrTo>
                <a:srgbClr val="FFFFFF">
                  <a:alpha val="0"/>
                </a:srgbClr>
              </a:clrTo>
            </a:clrChange>
          </a:blip>
          <a:srcRect l="56092" t="19015" r="4619" b="9505"/>
          <a:stretch/>
        </p:blipFill>
        <p:spPr bwMode="auto">
          <a:xfrm>
            <a:off x="5851142" y="2459837"/>
            <a:ext cx="6140943" cy="3670507"/>
          </a:xfrm>
          <a:prstGeom prst="rect">
            <a:avLst/>
          </a:prstGeom>
          <a:ln>
            <a:noFill/>
          </a:ln>
          <a:extLst>
            <a:ext uri="{53640926-AAD7-44D8-BBD7-CCE9431645EC}">
              <a14:shadowObscured xmlns:a14="http://schemas.microsoft.com/office/drawing/2010/main"/>
            </a:ext>
          </a:extLst>
        </p:spPr>
      </p:pic>
      <p:sp>
        <p:nvSpPr>
          <p:cNvPr id="25" name="Rectangle 24"/>
          <p:cNvSpPr/>
          <p:nvPr/>
        </p:nvSpPr>
        <p:spPr>
          <a:xfrm>
            <a:off x="6500071" y="1793977"/>
            <a:ext cx="5327099" cy="410882"/>
          </a:xfrm>
          <a:prstGeom prst="rect">
            <a:avLst/>
          </a:prstGeom>
        </p:spPr>
        <p:txBody>
          <a:bodyPr wrap="none">
            <a:spAutoFit/>
          </a:bodyPr>
          <a:lstStyle/>
          <a:p>
            <a:pPr algn="ctr">
              <a:lnSpc>
                <a:spcPct val="115000"/>
              </a:lnSpc>
            </a:pPr>
            <a:r>
              <a:rPr lang="en-US" b="1" dirty="0">
                <a:latin typeface="Helvetica" panose="020B0604020202020204" pitchFamily="34" charset="0"/>
                <a:ea typeface="Times New Roman" panose="02020603050405020304" pitchFamily="18" charset="0"/>
                <a:cs typeface="Times New Roman" panose="02020603050405020304" pitchFamily="18" charset="0"/>
              </a:rPr>
              <a:t>Primary school pupil-per-trained teacher ratios</a:t>
            </a:r>
            <a:endParaRPr lang="en-US" dirty="0">
              <a:latin typeface="Calibri" panose="020F0502020204030204" pitchFamily="34" charset="0"/>
              <a:ea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5260072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17123" y="-419780"/>
            <a:ext cx="12209123" cy="9419272"/>
          </a:xfrm>
          <a:prstGeom prst="rect">
            <a:avLst/>
          </a:prstGeom>
        </p:spPr>
      </p:pic>
      <p:sp>
        <p:nvSpPr>
          <p:cNvPr id="3" name="Rectangle 32"/>
          <p:cNvSpPr>
            <a:spLocks noChangeArrowheads="1"/>
          </p:cNvSpPr>
          <p:nvPr/>
        </p:nvSpPr>
        <p:spPr bwMode="auto">
          <a:xfrm>
            <a:off x="-17123" y="0"/>
            <a:ext cx="12192000" cy="6858000"/>
          </a:xfrm>
          <a:prstGeom prst="rect">
            <a:avLst/>
          </a:prstGeom>
          <a:solidFill>
            <a:srgbClr val="FFFFFF">
              <a:alpha val="65000"/>
            </a:srgbClr>
          </a:solidFill>
          <a:ln>
            <a:noFill/>
          </a:ln>
          <a:effectLst/>
          <a:extLst/>
        </p:spPr>
        <p:txBody>
          <a:bodyPr vert="horz" wrap="square" lIns="27432" tIns="27432" rIns="27432" bIns="27432" numCol="1" anchor="t" anchorCtr="0" compatLnSpc="1">
            <a:prstTxWarp prst="textNoShape">
              <a:avLst/>
            </a:prstTxWarp>
          </a:bodyPr>
          <a:lstStyle/>
          <a:p>
            <a:pPr defTabSz="685800"/>
            <a:endParaRPr lang="en-US" sz="1350" kern="0" dirty="0">
              <a:solidFill>
                <a:sysClr val="windowText" lastClr="000000"/>
              </a:solidFill>
            </a:endParaRPr>
          </a:p>
        </p:txBody>
      </p:sp>
      <p:sp>
        <p:nvSpPr>
          <p:cNvPr id="5" name="TextBox 4"/>
          <p:cNvSpPr txBox="1"/>
          <p:nvPr/>
        </p:nvSpPr>
        <p:spPr>
          <a:xfrm>
            <a:off x="3350766" y="436287"/>
            <a:ext cx="5529032" cy="584775"/>
          </a:xfrm>
          <a:prstGeom prst="rect">
            <a:avLst/>
          </a:prstGeom>
          <a:noFill/>
        </p:spPr>
        <p:txBody>
          <a:bodyPr wrap="square" rtlCol="0">
            <a:spAutoFit/>
          </a:bodyPr>
          <a:lstStyle/>
          <a:p>
            <a:pPr algn="ctr"/>
            <a:r>
              <a:rPr lang="en-US" altLang="en-US" sz="3200" b="1" kern="0" spc="225" dirty="0">
                <a:solidFill>
                  <a:srgbClr val="AF1F2C"/>
                </a:solidFill>
                <a:latin typeface="Helvetica" panose="020B0604020202020204" pitchFamily="34" charset="0"/>
                <a:cs typeface="Helvetica" panose="020B0604020202020204" pitchFamily="34" charset="0"/>
              </a:rPr>
              <a:t>Accessibility Highlights</a:t>
            </a:r>
          </a:p>
        </p:txBody>
      </p:sp>
      <p:sp>
        <p:nvSpPr>
          <p:cNvPr id="13" name="Rectangle 12"/>
          <p:cNvSpPr/>
          <p:nvPr/>
        </p:nvSpPr>
        <p:spPr>
          <a:xfrm>
            <a:off x="0" y="6399888"/>
            <a:ext cx="12252960" cy="4572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700" b="1" dirty="0">
                <a:latin typeface="Arial" panose="020B0604020202020204" pitchFamily="34" charset="0"/>
                <a:cs typeface="Arial" panose="020B0604020202020204" pitchFamily="34" charset="0"/>
              </a:rPr>
              <a:t>Dar </a:t>
            </a:r>
            <a:r>
              <a:rPr lang="en-US" sz="700" b="1" dirty="0" err="1">
                <a:latin typeface="Arial" panose="020B0604020202020204" pitchFamily="34" charset="0"/>
                <a:cs typeface="Arial" panose="020B0604020202020204" pitchFamily="34" charset="0"/>
              </a:rPr>
              <a:t>es</a:t>
            </a:r>
            <a:r>
              <a:rPr lang="en-US" sz="700" b="1" dirty="0">
                <a:latin typeface="Arial" panose="020B0604020202020204" pitchFamily="34" charset="0"/>
                <a:cs typeface="Arial" panose="020B0604020202020204" pitchFamily="34" charset="0"/>
              </a:rPr>
              <a:t> Salaam, Tanzania</a:t>
            </a:r>
          </a:p>
          <a:p>
            <a:pPr algn="ctr"/>
            <a:r>
              <a:rPr lang="en-US" sz="700" b="1" dirty="0">
                <a:latin typeface="Arial" panose="020B0604020202020204" pitchFamily="34" charset="0"/>
                <a:cs typeface="Arial" panose="020B0604020202020204" pitchFamily="34" charset="0"/>
              </a:rPr>
              <a:t>RTEI Partners Meeting</a:t>
            </a:r>
          </a:p>
          <a:p>
            <a:pPr algn="ctr"/>
            <a:r>
              <a:rPr lang="en-US" sz="700" b="1" dirty="0">
                <a:latin typeface="Arial" panose="020B0604020202020204" pitchFamily="34" charset="0"/>
                <a:cs typeface="Arial" panose="020B0604020202020204" pitchFamily="34" charset="0"/>
              </a:rPr>
              <a:t>22-25 February 2016</a:t>
            </a:r>
          </a:p>
        </p:txBody>
      </p:sp>
      <p:pic>
        <p:nvPicPr>
          <p:cNvPr id="14" name="Picture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6399888"/>
            <a:ext cx="869315" cy="4572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9315" y="6400800"/>
            <a:ext cx="737419" cy="457200"/>
          </a:xfrm>
          <a:prstGeom prst="rect">
            <a:avLst/>
          </a:prstGeom>
        </p:spPr>
      </p:pic>
      <p:sp>
        <p:nvSpPr>
          <p:cNvPr id="16" name="Rectangle 15"/>
          <p:cNvSpPr/>
          <p:nvPr/>
        </p:nvSpPr>
        <p:spPr>
          <a:xfrm>
            <a:off x="0" y="6249787"/>
            <a:ext cx="12252960" cy="640080"/>
          </a:xfrm>
          <a:prstGeom prst="rect">
            <a:avLst/>
          </a:prstGeom>
          <a:solidFill>
            <a:srgbClr val="DEDED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rgbClr val="58595B"/>
                </a:solidFill>
                <a:latin typeface="Arial" panose="020B0604020202020204" pitchFamily="34" charset="0"/>
                <a:cs typeface="Arial" panose="020B0604020202020204" pitchFamily="34" charset="0"/>
              </a:rPr>
              <a:t>Right to Education Index</a:t>
            </a:r>
          </a:p>
          <a:p>
            <a:pPr algn="ctr"/>
            <a:r>
              <a:rPr lang="en-US" sz="1000" b="1" dirty="0">
                <a:solidFill>
                  <a:srgbClr val="58595B"/>
                </a:solidFill>
                <a:latin typeface="Arial" panose="020B0604020202020204" pitchFamily="34" charset="0"/>
                <a:cs typeface="Arial" panose="020B0604020202020204" pitchFamily="34" charset="0"/>
              </a:rPr>
              <a:t>RESULTS International Conference</a:t>
            </a:r>
          </a:p>
          <a:p>
            <a:pPr algn="ctr"/>
            <a:r>
              <a:rPr lang="en-US" sz="1000" b="1" dirty="0">
                <a:solidFill>
                  <a:srgbClr val="58595B"/>
                </a:solidFill>
                <a:latin typeface="Arial" panose="020B0604020202020204" pitchFamily="34" charset="0"/>
                <a:cs typeface="Arial" panose="020B0604020202020204" pitchFamily="34" charset="0"/>
              </a:rPr>
              <a:t>July 24, 2017</a:t>
            </a: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 y="6249787"/>
            <a:ext cx="1217041" cy="640080"/>
          </a:xfrm>
          <a:prstGeom prst="rect">
            <a:avLst/>
          </a:prstGeom>
        </p:spPr>
      </p:pic>
      <p:pic>
        <p:nvPicPr>
          <p:cNvPr id="18" name="Picture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217040" y="6249787"/>
            <a:ext cx="1032387" cy="640080"/>
          </a:xfrm>
          <a:prstGeom prst="rect">
            <a:avLst/>
          </a:prstGeom>
        </p:spPr>
      </p:pic>
      <p:sp>
        <p:nvSpPr>
          <p:cNvPr id="19" name="Text Box 27"/>
          <p:cNvSpPr txBox="1">
            <a:spLocks noChangeArrowheads="1"/>
          </p:cNvSpPr>
          <p:nvPr/>
        </p:nvSpPr>
        <p:spPr bwMode="auto">
          <a:xfrm>
            <a:off x="144277" y="5915532"/>
            <a:ext cx="2279701" cy="214812"/>
          </a:xfrm>
          <a:prstGeom prst="rect">
            <a:avLst/>
          </a:prstGeom>
          <a:noFill/>
          <a:ln>
            <a:noFill/>
          </a:ln>
          <a:effectLst/>
          <a:extLst>
            <a:ext uri="{909E8E84-426E-40DD-AFC4-6F175D3DCCD1}">
              <a14:hiddenFill xmlns:a14="http://schemas.microsoft.com/office/drawing/2010/main">
                <a:solidFill>
                  <a:srgbClr val="5B9BD5"/>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marL="0" marR="0" lvl="0" indent="0" algn="l" defTabSz="914400" rtl="0" eaLnBrk="0" fontAlgn="base" latinLnBrk="0" hangingPunct="0">
              <a:lnSpc>
                <a:spcPct val="100000"/>
              </a:lnSpc>
              <a:spcBef>
                <a:spcPct val="0"/>
              </a:spcBef>
              <a:spcAft>
                <a:spcPts val="1400"/>
              </a:spcAft>
              <a:buClrTx/>
              <a:buSzTx/>
              <a:buFontTx/>
              <a:buNone/>
              <a:tabLst/>
            </a:pPr>
            <a:r>
              <a:rPr kumimoji="0" lang="en-US" altLang="en-US" sz="1000" b="0" i="0" u="none" strike="noStrike" cap="none" normalizeH="0" baseline="0" dirty="0">
                <a:ln>
                  <a:noFill/>
                </a:ln>
                <a:effectLst/>
                <a:latin typeface="Arial" panose="020B0604020202020204" pitchFamily="34" charset="0"/>
              </a:rPr>
              <a:t>GPE/Kelly</a:t>
            </a:r>
            <a:r>
              <a:rPr kumimoji="0" lang="en-US" altLang="en-US" sz="1000" b="0" i="0" u="none" strike="noStrike" cap="none" normalizeH="0" dirty="0">
                <a:ln>
                  <a:noFill/>
                </a:ln>
                <a:effectLst/>
                <a:latin typeface="Arial" panose="020B0604020202020204" pitchFamily="34" charset="0"/>
              </a:rPr>
              <a:t> Lynch</a:t>
            </a:r>
            <a:endParaRPr kumimoji="0" lang="en-US" altLang="en-US" sz="3200" b="0" i="0" u="none" strike="noStrike" cap="none" normalizeH="0" baseline="0" dirty="0">
              <a:ln>
                <a:noFill/>
              </a:ln>
              <a:effectLst/>
              <a:latin typeface="Arial" panose="020B0604020202020204" pitchFamily="34" charset="0"/>
            </a:endParaRPr>
          </a:p>
        </p:txBody>
      </p:sp>
      <p:graphicFrame>
        <p:nvGraphicFramePr>
          <p:cNvPr id="21" name="Chart 20"/>
          <p:cNvGraphicFramePr/>
          <p:nvPr>
            <p:extLst>
              <p:ext uri="{D42A27DB-BD31-4B8C-83A1-F6EECF244321}">
                <p14:modId xmlns:p14="http://schemas.microsoft.com/office/powerpoint/2010/main" val="3045455650"/>
              </p:ext>
            </p:extLst>
          </p:nvPr>
        </p:nvGraphicFramePr>
        <p:xfrm>
          <a:off x="386365" y="1021062"/>
          <a:ext cx="5461985" cy="4783198"/>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22" name="Chart 21">
            <a:extLst/>
          </p:cNvPr>
          <p:cNvGraphicFramePr/>
          <p:nvPr>
            <p:extLst>
              <p:ext uri="{D42A27DB-BD31-4B8C-83A1-F6EECF244321}">
                <p14:modId xmlns:p14="http://schemas.microsoft.com/office/powerpoint/2010/main" val="175567738"/>
              </p:ext>
            </p:extLst>
          </p:nvPr>
        </p:nvGraphicFramePr>
        <p:xfrm>
          <a:off x="6057899" y="1021062"/>
          <a:ext cx="5670387" cy="4817763"/>
        </p:xfrm>
        <a:graphic>
          <a:graphicData uri="http://schemas.openxmlformats.org/drawingml/2006/chart">
            <c:chart xmlns:c="http://schemas.openxmlformats.org/drawingml/2006/chart" xmlns:r="http://schemas.openxmlformats.org/officeDocument/2006/relationships" r:id="rId7"/>
          </a:graphicData>
        </a:graphic>
      </p:graphicFrame>
      <p:sp>
        <p:nvSpPr>
          <p:cNvPr id="2" name="TextBox 1"/>
          <p:cNvSpPr txBox="1"/>
          <p:nvPr/>
        </p:nvSpPr>
        <p:spPr>
          <a:xfrm>
            <a:off x="6126480" y="5804260"/>
            <a:ext cx="4171950" cy="338554"/>
          </a:xfrm>
          <a:prstGeom prst="rect">
            <a:avLst/>
          </a:prstGeom>
          <a:noFill/>
        </p:spPr>
        <p:txBody>
          <a:bodyPr wrap="square" rtlCol="0">
            <a:spAutoFit/>
          </a:bodyPr>
          <a:lstStyle/>
          <a:p>
            <a:r>
              <a:rPr lang="en-US" sz="1600" dirty="0">
                <a:latin typeface="Helvetica" panose="020B0604020202020204" pitchFamily="34" charset="0"/>
                <a:cs typeface="Helvetica" panose="020B0604020202020204" pitchFamily="34" charset="0"/>
              </a:rPr>
              <a:t>Favors Female		Favors Male</a:t>
            </a:r>
          </a:p>
        </p:txBody>
      </p:sp>
    </p:spTree>
    <p:extLst>
      <p:ext uri="{BB962C8B-B14F-4D97-AF65-F5344CB8AC3E}">
        <p14:creationId xmlns:p14="http://schemas.microsoft.com/office/powerpoint/2010/main" val="33191097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AsIkciOjAsIkIiOj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3OCwiRyI6MTQsIkIiOjE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zgsIkciOjE0LCJCIjox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c4LCJHIjoxNCwiQiI6MTh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My0wNi0xNVQyMzo1OTo1OS45OTlaIiwiRW5kRGF0ZSI6IjIwMTctMTEtMDFUMjM6NTk6NTkuOTk5WiIsIkZvcm1hdCI6Ik1NIiwiVHlwZSI6MywiQXV0b0RhdGVSYW5nZSI6dHJ1ZSwiV29ya2luZ0RheXMiOjMxLCJUb2RheU1hcmtlclRleHQiOiJUb2RheSIsIkF1dG9TY2FsZVR5cGUiOmZhbHNlfSwiTWlsZXN0b25lcyI6W3siJGlkIjoiMTIzIiwiRGF0ZSI6IjIwMTMtMDYtMT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NjUsIkciOjE2NSwiQiI6MTY1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NjUsIkciOjE2NSwiQiI6MTY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zMS42ODYzNzA4NDk2MDkzO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jQ2NzI4NDQ2ODY2MjU5MTcsIklzQ3VzdG9tIjp0cnVlfSwiSWQiOiI4ZTJhMzk4Ni04MDgxLTQxNWMtYjFiNy0wZGU5NDQwYjJhNmUiLCJJbXBvcnRJZCI6bnVsbCwiVGl0bGUiOiIyMDEzIExhZ29zIG1lZXRpbmciLCJOb3RlIjpudWxsLCJIeXBlcmxpbmsiOm51bGwsIklzQ2hhbmdlZCI6ZmFsc2UsIklzTmV3IjpmYWxzZX0seyIkaWQiOiIxMzgiLCJEYXRlIjoiMjAxNS0wMS0y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2NSwiRyI6MTY1LCJCIjoxNjV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M2LjI4MDA3NTA3MzI0MjE5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yNDY3Mjg0NDY4NjYyNTkxNywiSXNDdXN0b20iOnRydWV9LCJJZCI6IjkxNTNhMGM5LTE1NjctNGVhNy1iN2Y4LWNjYjljYjM4YjI1MiIsIkltcG9ydElkIjpudWxsLCJUaXRsZSI6Ikdsb2JhbCBjb25zdWx0YXRpb24gY2FsbCIsIk5vdGUiOm51bGwsIkh5cGVybGluayI6bnVsbCwiSXNDaGFuZ2VkIjpmYWxzZSwiSXNOZXciOmZhbHNlfSx7IiRpZCI6IjE1MyIsIkRhdGUiOiIyMDE1LTA0LTIz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Y1LCJHIjoxNjUsIkIiOjE2N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IsIkZvcmVncm91bmQiOnsiJHJlZiI6IjY3In0sIk1heFdpZHRoIjo5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0MDcyNzE2NTU4OTUwOTE4NCwiSXNDdXN0b20iOnRydWV9LCJJZCI6IjBiNzg1NGQxLTJmNDMtNDE0Ni05YjRkLTgwODJkYWUxYWJmYyIsIkltcG9ydElkIjpudWxsLCJUaXRsZSI6Ikdsb2JhbCBjb25zdWx0YXRpb24gY2FsbCIsIk5vdGUiOm51bGwsIkh5cGVybGluayI6bnVsbCwiSXNDaGFuZ2VkIjpmYWxzZSwiSXNOZXciOmZhbHNlfSx7IiRpZCI6IjE2OCIsIkRhdGUiOiIyMDE1LTA2LTI1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c4LCJHIjoxNCwiQiI6MTh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3OCwiRyI6MTQsIkIiOjE4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zMTQ1Njc5MDY4ODU5NzEyNSwiSXNDdXN0b20iOnRydWV9LCJJZCI6ImY5MDhjODlkLTNiOTUtNDE2Yi04ZTNkLTM5M2RmMmIyMTkwYSIsIkltcG9ydElkIjpudWxsLCJUaXRsZSI6IjIwMTUgUGFydG5lciBPcmllbnRhdGlvbiBUcmFpbmluZyIsIk5vdGUiOm51bGwsIkh5cGVybGluayI6bnVsbCwiSXNDaGFuZ2VkIjpmYWxzZSwiSXNOZXciOmZhbHNlfSx7IiRpZCI6IjE4MyIsIkRhdGUiOiIyMDE2LTAx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I1NSwiUiI6MCwiRyI6MCwiQiI6MH19LCJMaW5lV2VpZ2h0IjoxLjAsIkxpbmVUeXBlIjowLCJQYXJlbnRTdHlsZSI6eyIkcmVmIjoiNTUifX0sIklzQmVsb3dUaW1lYmFuZCI6dHJ1ZSwiSGlkZURhdGUiOmZhbHNlLCJTaGFwZVNpemUiOjIsIlNwYWNpbmciOjIuMCwiUGFkZGluZyI6eyIkcmVmIjoiNTgifSwiU2hhcGVTdHlsZSI6eyIkaWQiOiIxODgiLCJNYXJnaW4iOnsiJHJlZiI6IjYwIn0sIlBhZGRpbmciOnsiJHJlZiI6IjYxIn0sIkJhY2tncm91bmQiOnsiJGlkIjoiMTg5IiwiQ29sb3IiOnsiJGlkIjoiMTkwIiwiQSI6MjU1LCJSIjowLCJHIjowLCJCIjowfX0sIklzVmlzaWJsZSI6dHJ1ZSwiV2lkdGgiOjE4LjAsIkhlaWdodCI6MTg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E5NS45ODQ0ODE4MTE1MjM0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TI1NDkzODQ5NzY2MTA3MjIsIklzQ3VzdG9tIjp0cnVlfSwiSWQiOiI3OWViMmZmNi05MTE0LTRkYTUtOWY3Mi03OTdkY2Y5MzYzNTAiLCJJbXBvcnRJZCI6bnVsbCwiVGl0bGUiOiJCZWdpbiAyMDE2IFJURUkgRGF0YSBDb2xsZWN0aW9uIEN5Y2xlIiwiTm90ZSI6bnVsbCwiSHlwZXJsaW5rIjpudWxsLCJJc0NoYW5nZWQiOmZhbHNlLCJJc05ldyI6ZmFsc2V9LHsiJGlkIjoiMTk4IiwiRGF0ZSI6IjIwMTYtMDMtMTV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wLCJHIjowLCJCIjow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wLCJHIjowLCJCIjo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iwiRm9yZWdyb3VuZCI6eyIkcmVmIjoiNjcifSwiTWF4V2lkdGgiOjEzNy4wOTQ3MjY1N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yNDY3Mjg0NDY4NjYyNTkxNywiSXNDdXN0b20iOnRydWV9LCJJZCI6ImNhYzEwMGJjLTE2ZWEtNGI2Zi04YzM2LTc1YWM4MTBhMjJmMyIsIkltcG9ydElkIjpudWxsLCJUaXRsZSI6IjIwMTUgR2xvYmFsIFJlcG9ydCBMYXVuY2giLCJOb3RlIjpudWxsLCJIeXBlcmxpbmsiOm51bGwsIklzQ2hhbmdlZCI6ZmFsc2UsIklzTmV3IjpmYWxzZX0seyIkaWQiOiIyMTMiLCJEYXRlIjoiMjAxNi0wNi0yMl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3OCwiRyI6MTQsIkIiOjE4fX0sIkxpbmVXZWlnaHQiOjEuMCwiTGluZVR5cGUiOjAsIlBhcmVudFN0eWxlIjp7IiRyZWYiOiI1NSJ9fSwiSXNCZWxvd1RpbWViYW5kIjpmYWxzZSwiSGlkZURhdGUiOmZhbHNlLCJTaGFwZVNpemUiOjEsIlNwYWNpbmciOjIuMCwiUGFkZGluZyI6eyIkcmVmIjoiNTgifSwiU2hhcGVTdHlsZSI6eyIkaWQiOiIyMTgiLCJNYXJnaW4iOnsiJHJlZiI6IjYwIn0sIlBhZGRpbmciOnsiJHJlZiI6IjYxIn0sIkJhY2tncm91bmQiOnsiJGlkIjoiMjE5IiwiQ29sb3IiOnsiJGlkIjoiMjIwIiwiQSI6MjU1LCJSIjoxNzgsIkciOjE0LCJCIjoxO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IsIkZvcmVncm91bmQiOnsiJHJlZiI6IjY3In0sIk1heFdpZHRoIjoyMzQuNjYzNDY3NDA3Mj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M2NDI5NjI1MDk5MDg3OTM3LCJJc0N1c3RvbSI6dHJ1ZX0sIklkIjoiMTM1ZGU0NTMtY2JiMC00ZThhLWE5ZTEtZTNkZGJhNDg0ZjVlIiwiSW1wb3J0SWQiOm51bGwsIlRpdGxlIjoiMjAxNiBQYXJ0bmVyIE9yaWVudGF0aW9uIFRyYWluaW5nIENhbGwiLCJOb3RlIjpudWxsLCJIeXBlcmxpbmsiOm51bGwsIklzQ2hhbmdlZCI6ZmFsc2UsIklzTmV3IjpmYWxzZX0seyIkaWQiOiIyMjgiLCJEYXRlIjoiMjAxNy0wMS0wM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yNTUsIlIiOjAsIkciOjAsIkIiOjB9fSwiTGluZVdlaWdodCI6MS4wLCJMaW5lVHlwZSI6MCwiUGFyZW50U3R5bGUiOnsiJHJlZiI6IjU1In19LCJJc0JlbG93VGltZWJhbmQiOmZhbHNlLCJIaWRlRGF0ZSI6ZmFsc2UsIlNoYXBlU2l6ZSI6MiwiU3BhY2luZyI6Mi4wLCJQYWRkaW5nIjp7IiRyZWYiOiI1OCJ9LCJTaGFwZVN0eWxlIjp7IiRpZCI6IjIzMyIsIk1hcmdpbiI6eyIkcmVmIjoiNjAifSwiUGFkZGluZyI6eyIkcmVmIjoiNjEifSwiQmFja2dyb3VuZCI6eyIkaWQiOiIyMzQiLCJDb2xvciI6eyIkaWQiOiIyMzUiLCJBIjoyNTUsIlIiOjAsIkciOjAsIkIiOjB9fSwiSXNWaXNpYmxlIjp0cnVlLCJXaWR0aCI6MTguMCwiSGVpZ2h0IjoxO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EsIkZvbnROYW1lIjoiQ2FsaWJyaSIsIklzQm9sZCI6dHJ1ZSwiSXNJdGFsaWMiOmZhbHNlLCJJc1VuZGVybGluZWQiOmZhbHNlLCJQYXJlbnRTdHlsZSI6eyIkcmVmIjoiNjYifX0sIkF1dG9TaXplIjoyLCJGb3JlZ3JvdW5kIjp7IiRyZWYiOiI2NyJ9LCJNYXhXaWR0aCI6MTcyLjI4NTQzMDkwODIwMzEz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NCIsIkxpbmVDb2xvciI6bnVsbCwiTGluZVdlaWdodCI6MC4wLCJMaW5lVHlwZSI6MCwiUGFyZW50U3R5bGUiOm51bGx9LCJQYXJlbnRTdHlsZSI6eyIkcmVmIjoiNjUifX0sIkRhdGVTdHlsZSI6eyIkaWQiOiIyNTUiLCJGb250U2V0dGluZ3MiOnsiJGlkIjoiMj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Y4IiwiTWFyZ2luIjp7IiRyZWYiOiIxMDIifSwiUGFkZGluZyI6eyIkcmVmIjoiMTAzIn0sIkJhY2tncm91bmQiOnsiJGlkIjoiMjY5IiwiQ29sb3IiOnsiJGlkIjoiMjcwIiwiQSI6MjU1LCJSIjoxNjUsIkciOjE2NSwiQiI6MTY1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NDAuODEzMzg1MDA5NzY1NjM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CIsIkxpbmVDb2xvciI6bnVsbCwiTGluZVdlaWdodCI6MC4wLCJMaW5lVHlwZSI6MCwiUGFyZW50U3R5bGUiOm51bGx9LCJQYXJlbnRTdHlsZSI6eyIkcmVmIjoiMTA3In19LCJEYXRlU3R5bGUiOnsiJGlkIjoiMjc1IiwiRm9udFNldHRpbmdzIjp7IiRpZCI6IjI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yZWYiOiIxMjEifSwiSXNWaXNpYmxlIjp0cnVlLCJQYXJlbnRTdHlsZSI6eyIkcmVmIjoiODAifX0sIkluZGV4IjoyLCJJZCI6IjNjZGU0ZTdkLTBjOWItNDE5My1iNjE5LWRhNzRlYWU0ZThmNiIsIkltcG9ydElkIjpudWxsLCJUaXRsZSI6IkluZGljYXRvciBzZWxlY3Rpb24iLCJOb3RlIjpudWxsLCJIeXBlcmxpbmsiOm51bGwsIklzQ2hhbmdlZCI6ZmFsc2UsIklzTmV3IjpmYWxzZX0seyIkaWQiOiIyOTgiLCJHcm91cE5hbWUiOm51bGwsIlN0YXJ0RGF0ZSI6IjIwMTYtMDItMjJUMDA6MDA6MDBaIiwiRW5kRGF0ZSI6IjIwMTYtMDItMjVUMjM6NTk6NTkuOTk5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yIiwiTGluZUNvbG9yIjpudWxsLCJMaW5lV2VpZ2h0IjowLjAsIkxpbmVUeXBlIjowLCJQYXJlbnRTdHlsZSI6bnVsbH0sIlBhcmVudFN0eWxlIjp7IiRyZWYiOiI4MSJ9fSwiRHVyYXRpb25TdHlsZSI6eyIkaWQiOiIzMjMiLCJGb250U2V0dGluZ3MiOnsiJGlkIjoiMz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1IiwiTGluZUNvbG9yIjpudWxsLCJMaW5lV2VpZ2h0IjowLjAsIkxpbmVUeXBlIjowLCJQYXJlbnRTdHlsZSI6bnVsbH0sIlBhcmVudFN0eWxlIjp7IiRyZWYiOiI4OCJ9fSwiSG9yaXpvbnRhbENvbm5lY3RvclN0eWxlIjp7IiRpZCI6IjMyNiIsIkxpbmVDb2xvciI6eyIkcmVmIjoiOTYifSwiTGluZVdlaWdodCI6MS4wLCJMaW5lVHlwZSI6MCwiUGFyZW50U3R5bGUiOnsiJHJlZiI6Ijk1In19LCJWZXJ0aWNhbENvbm5lY3RvclN0eWxlIjp7IiRpZCI6IjMy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QiLCJMaW5lQ29sb3IiOm51bGwsIkxpbmVXZWlnaHQiOjAuMCwiTGluZVR5cGUiOjAsIlBhcmVudFN0eWxlIjpudWxsfSwiUGFyZW50U3R5bGUiOnsiJHJlZiI6IjEwNyJ9fSwiRGF0ZVN0eWxlIjp7IiRpZCI6IjMzNSIsIkZvbnRTZXR0aW5ncyI6eyIkaWQiOiIz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1LCJJZCI6ImI3ZjkzN2E4LTAzZTUtNGU3Ni1iODk4LWQ4YTgxODlkMTllMSIsIkltcG9ydElkIjpudWxsLCJUaXRsZSI6IjIwMTYgRGF0YSBDb2xsZWN0aW9uIiwiTm90ZSI6bnVsbCwiSHlwZXJsaW5rIjpudWxsLCJJc0NoYW5nZWQiOmZhbHNlLCJJc05ldyI6ZmFsc2V9LHsiJGlkIjoiMzU4IiwiR3JvdXBOYW1lIjpudWxsLCJTdGFydERhdGUiOiIyMDE2LTA5LTAxVDAwOjAwOjAwWiIsIkVuZERhdGUiOiIyMDE2LTEwLTMxVDIzOjU5OjU5Ljk5OVoiLCJQZXJjZW50YWdlQ29tcGxldGUiOm51bGwsIlN0eWxlIjp7IiRpZCI6IjM1OSIsIlNoYXBlIjoyLCJTaGFwZVRoaWNrbmVzcyI6MS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2OCIsIk1hcmdpbiI6eyIkcmVmIjoiMTAyIn0sIlBhZGRpbmciOnsiJHJlZiI6IjEwMyJ9LCJCYWNrZ3JvdW5kIjp7IiRpZCI6IjM2OSIsIkNvbG9yIjp7IiRpZCI6IjM3MCIsIkEiOjI1NSwiUiI6MCwiRyI6MCwiQiI6MH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IsIkZvcmVncm91bmQiOnsiJHJlZiI6IjEwOSJ9LCJNYXhXaWR0aCI6MTA2Ljg2MjM2NTcyMjY1NjI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QiLCJMaW5lQ29sb3IiOm51bGwsIkxpbmVXZWlnaHQiOjAuMCwiTGluZVR5cGUiOjAsIlBhcmVudFN0eWxlIjpudWxsfSwiUGFyZW50U3R5bGUiOnsiJHJlZiI6IjEwNyJ9fSwiRGF0ZVN0eWxlIjp7IiRpZCI6IjM3NSIsIkZvbnRTZXR0aW5ncyI6eyIkaWQiOiIzN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yIiwiTGluZUNvbG9yIjpudWxsLCJMaW5lV2VpZ2h0IjowLjAsIkxpbmVUeXBlIjowLCJQYXJlbnRTdHlsZSI6bnVsbH0sIlBhcmVudFN0eWxlIjp7IiRyZWYiOiI4MSJ9fSwiRHVyYXRpb25TdHlsZSI6eyIkaWQiOiI0MDMiLCJGb250U2V0dGluZ3MiOnsiJGlkIjoiND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1IiwiTGluZUNvbG9yIjpudWxsLCJMaW5lV2VpZ2h0IjowLjAsIkxpbmVUeXBlIjowLCJQYXJlbnRTdHlsZSI6bnVsbH0sIlBhcmVudFN0eWxlIjp7IiRyZWYiOiI4OCJ9fSwiSG9yaXpvbnRhbENvbm5lY3RvclN0eWxlIjp7IiRpZCI6IjQwNiIsIkxpbmVDb2xvciI6eyIkcmVmIjoiOTYifSwiTGluZVdlaWdodCI6MS4wLCJMaW5lVHlwZSI6MCwiUGFyZW50U3R5bGUiOnsiJHJlZiI6Ijk1In19LCJWZXJ0aWNhbENvbm5lY3RvclN0eWxlIjp7IiRpZCI6IjQw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QiLCJMaW5lQ29sb3IiOm51bGwsIkxpbmVXZWlnaHQiOjAuMCwiTGluZVR5cGUiOjAsIlBhcmVudFN0eWxlIjpudWxsfSwiUGFyZW50U3R5bGUiOnsiJHJlZiI6IjEwNyJ9fSwiRGF0ZVN0eWxlIjp7IiRpZCI6IjQxNSIsIkZvbnRTZXR0aW5ncyI6eyIkaWQiOiI0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UiLCJMaW5lQ29sb3IiOm51bGwsIkxpbmVXZWlnaHQiOjAuMCwiTGluZVR5cGUiOjAsIlBhcmVudFN0eWxlIjpudWxsfSwiUGFyZW50U3R5bGUiOnsiJHJlZiI6Ijg4In19LCJIb3Jpem9udGFsQ29ubmVjdG9yU3R5bGUiOnsiJGlkIjoiNDI2IiwiTGluZUNvbG9yIjp7IiRyZWYiOiI5NiJ9LCJMaW5lV2VpZ2h0IjoxLjAsIkxpbmVUeXBlIjowLCJQYXJlbnRTdHlsZSI6eyIkcmVmIjoiOTUifX0sIlZlcnRpY2FsQ29ubmVjdG9yU3R5bGUiOnsiJGlkIjoiNDI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QiLCJMaW5lQ29sb3IiOm51bGwsIkxpbmVXZWlnaHQiOjAuMCwiTGluZVR5cGUiOjAsIlBhcmVudFN0eWxlIjpudWxsfSwiUGFyZW50U3R5bGUiOnsiJHJlZiI6IjEwNyJ9fSwiRGF0ZVN0eWxlIjp7IiRpZCI6IjQzNSIsIkZvbnRTZXR0aW5ncyI6eyIkaWQiOiI0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MiIsIkxpbmVDb2xvciI6bnVsbCwiTGluZVdlaWdodCI6MC4wLCJMaW5lVHlwZSI6MCwiUGFyZW50U3R5bGUiOm51bGx9LCJQYXJlbnRTdHlsZSI6eyIkcmVmIjoiODEifX0sIkR1cmF0aW9uU3R5bGUiOnsiJGlkIjoiNDQzIiwiRm9udFNldHRpbmdzIjp7IiRpZCI6IjQ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SIsIkxpbmVDb2xvciI6bnVsbCwiTGluZVdlaWdodCI6MC4wLCJMaW5lVHlwZSI6MCwiUGFyZW50U3R5bGUiOm51bGx9LCJQYXJlbnRTdHlsZSI6eyIkcmVmIjoiODgifX0sIkhvcml6b250YWxDb25uZWN0b3JTdHlsZSI6eyIkaWQiOiI0NDYiLCJMaW5lQ29sb3IiOnsiJHJlZiI6Ijk2In0sIkxpbmVXZWlnaHQiOjEuMCwiTGluZVR5cGUiOjAsIlBhcmVudFN0eWxlIjp7IiRyZWYiOiI5NSJ9fSwiVmVydGljYWxDb25uZWN0b3JTdHlsZSI6eyIkaWQiOiI0ND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U0IiwiTGluZUNvbG9yIjpudWxsLCJMaW5lV2VpZ2h0IjowLjAsIkxpbmVUeXBlIjowLCJQYXJlbnRTdHlsZSI6bnVsbH0sIlBhcmVudFN0eWxlIjp7IiRyZWYiOiIxMDcifX0sIkRhdGVTdHlsZSI6eyIkaWQiOiI0NTUiLCJGb250U2V0dGluZ3MiOnsiJGlkIjoiND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AsIkciOjAsIkIiOj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3OCwiRyI6MTQsIkIiOjE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zgsIkciOjE0LCJCIjox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Tc4LCJHIjoxNCwiQiI6MTh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My0wNi0xNVQyMzo1OTo1OS45OTlaIiwiRW5kRGF0ZSI6IjIwMTctMTEtMDFUMjM6NTk6NTkuOTk5WiIsIkZvcm1hdCI6Ik1NIiwiVHlwZSI6MywiQXV0b0RhdGVSYW5nZSI6dHJ1ZSwiV29ya2luZ0RheXMiOjMxLCJUb2RheU1hcmtlclRleHQiOiJUb2RheSIsIkF1dG9TY2FsZVR5cGUiOmZhbHNlfSwiTWlsZXN0b25lcyI6W3siJGlkIjoiMTIzIiwiRGF0ZSI6IjIwMTMtMDYtMTV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NjUsIkciOjE2NSwiQiI6MTY1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NjUsIkciOjE2NSwiQiI6MTY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zMS42ODYzNzA4NDk2MDkzO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jQ2NzI4NDQ2ODY2MjU5MTcsIklzQ3VzdG9tIjp0cnVlfSwiSWQiOiI4ZTJhMzk4Ni04MDgxLTQxNWMtYjFiNy0wZGU5NDQwYjJhNmUiLCJJbXBvcnRJZCI6bnVsbCwiVGl0bGUiOiIyMDEzIExhZ29zIG1lZXRpbmciLCJOb3RlIjpudWxsLCJIeXBlcmxpbmsiOm51bGwsIklzQ2hhbmdlZCI6ZmFsc2UsIklzTmV3IjpmYWxzZX0seyIkaWQiOiIxMzgiLCJEYXRlIjoiMjAxNS0wMS0yMF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2NSwiRyI6MTY1LCJCIjoxNjV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MTM2LjI4MDA3NTA3MzI0MjE5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yNDY3Mjg0NDY4NjYyNTkxNywiSXNDdXN0b20iOnRydWV9LCJJZCI6IjkxNTNhMGM5LTE1NjctNGVhNy1iN2Y4LWNjYjljYjM4YjI1MiIsIkltcG9ydElkIjpudWxsLCJUaXRsZSI6Ikdsb2JhbCBjb25zdWx0YXRpb24gY2FsbCIsIk5vdGUiOm51bGwsIkh5cGVybGluayI6bnVsbCwiSXNDaGFuZ2VkIjpmYWxzZSwiSXNOZXciOmZhbHNlfSx7IiRpZCI6IjE1MyIsIkRhdGUiOiIyMDE1LTA0LTIz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Y1LCJHIjoxNjUsIkIiOjE2NX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IsIkZvcmVncm91bmQiOnsiJHJlZiI6IjY3In0sIk1heFdpZHRoIjo5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0MDcyNzE2NTU4OTUwOTE4NCwiSXNDdXN0b20iOnRydWV9LCJJZCI6IjBiNzg1NGQxLTJmNDMtNDE0Ni05YjRkLTgwODJkYWUxYWJmYyIsIkltcG9ydElkIjpudWxsLCJUaXRsZSI6Ikdsb2JhbCBjb25zdWx0YXRpb24gY2FsbCIsIk5vdGUiOm51bGwsIkh5cGVybGluayI6bnVsbCwiSXNDaGFuZ2VkIjpmYWxzZSwiSXNOZXciOmZhbHNlfSx7IiRpZCI6IjE2OCIsIkRhdGUiOiIyMDE1LTA2LTI1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MTc4LCJHIjoxNCwiQiI6MTh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3OCwiRyI6MTQsIkIiOjE4fX0sIklzVmlzaWJsZSI6dHJ1ZSwiV2lkdGgiOjE4LjAsIkhlaWdodCI6MjA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zMTQ1Njc5MDY4ODU5NzEyNSwiSXNDdXN0b20iOnRydWV9LCJJZCI6ImY5MDhjODlkLTNiOTUtNDE2Yi04ZTNkLTM5M2RmMmIyMTkwYSIsIkltcG9ydElkIjpudWxsLCJUaXRsZSI6IjIwMTUgUGFydG5lciBPcmllbnRhdGlvbiBUcmFpbmluZyIsIk5vdGUiOm51bGwsIkh5cGVybGluayI6bnVsbCwiSXNDaGFuZ2VkIjpmYWxzZSwiSXNOZXciOmZhbHNlfSx7IiRpZCI6IjE4MyIsIkRhdGUiOiIyMDE2LTAxLTAx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I1NSwiUiI6MCwiRyI6MCwiQiI6MH19LCJMaW5lV2VpZ2h0IjoxLjAsIkxpbmVUeXBlIjowLCJQYXJlbnRTdHlsZSI6eyIkcmVmIjoiNTUifX0sIklzQmVsb3dUaW1lYmFuZCI6dHJ1ZSwiSGlkZURhdGUiOmZhbHNlLCJTaGFwZVNpemUiOjIsIlNwYWNpbmciOjIuMCwiUGFkZGluZyI6eyIkcmVmIjoiNTgifSwiU2hhcGVTdHlsZSI6eyIkaWQiOiIxODgiLCJNYXJnaW4iOnsiJHJlZiI6IjYwIn0sIlBhZGRpbmciOnsiJHJlZiI6IjYxIn0sIkJhY2tncm91bmQiOnsiJGlkIjoiMTg5IiwiQ29sb3IiOnsiJGlkIjoiMTkwIiwiQSI6MjU1LCJSIjowLCJHIjowLCJCIjowfX0sIklzVmlzaWJsZSI6dHJ1ZSwiV2lkdGgiOjE4LjAsIkhlaWdodCI6MTg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E5NS45ODQ0ODE4MTE1MjM0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TI1NDkzODQ5NzY2MTA3MjIsIklzQ3VzdG9tIjp0cnVlfSwiSWQiOiI3OWViMmZmNi05MTE0LTRkYTUtOWY3Mi03OTdkY2Y5MzYzNTAiLCJJbXBvcnRJZCI6bnVsbCwiVGl0bGUiOiJCZWdpbiAyMDE2IFJURUkgRGF0YSBDb2xsZWN0aW9uIEN5Y2xlIiwiTm90ZSI6bnVsbCwiSHlwZXJsaW5rIjpudWxsLCJJc0NoYW5nZWQiOmZhbHNlLCJJc05ldyI6ZmFsc2V9LHsiJGlkIjoiMTk4IiwiRGF0ZSI6IjIwMTYtMDMtMTV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wLCJHIjowLCJCIjowfX0sIkxpbmVXZWlnaHQiOjEuMCwiTGluZVR5cGUiOjAsIlBhcmVudFN0eWxlIjp7IiRyZWYiOiI1NSJ9fSwiSXNCZWxvd1RpbWViYW5kIjpmYWxzZSwiSGlkZURhdGUiOmZhbHNlLCJTaGFwZVNpemUiOjEsIlNwYWNpbmciOjIuMCwiUGFkZGluZyI6eyIkcmVmIjoiNTgifSwiU2hhcGVTdHlsZSI6eyIkaWQiOiIyMDMiLCJNYXJnaW4iOnsiJHJlZiI6IjYwIn0sIlBhZGRpbmciOnsiJHJlZiI6IjYxIn0sIkJhY2tncm91bmQiOnsiJGlkIjoiMjA0IiwiQ29sb3IiOnsiJGlkIjoiMjA1IiwiQSI6MjU1LCJSIjowLCJHIjowLCJCIjo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iwiRm9yZWdyb3VuZCI6eyIkcmVmIjoiNjcifSwiTWF4V2lkdGgiOjEzNy4wOTQ3MjY1N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yNDY3Mjg0NDY4NjYyNTkxNywiSXNDdXN0b20iOnRydWV9LCJJZCI6ImNhYzEwMGJjLTE2ZWEtNGI2Zi04YzM2LTc1YWM4MTBhMjJmMyIsIkltcG9ydElkIjpudWxsLCJUaXRsZSI6IjIwMTUgR2xvYmFsIFJlcG9ydCBMYXVuY2giLCJOb3RlIjpudWxsLCJIeXBlcmxpbmsiOm51bGwsIklzQ2hhbmdlZCI6ZmFsc2UsIklzTmV3IjpmYWxzZX0seyIkaWQiOiIyMTMiLCJEYXRlIjoiMjAxNi0wNi0yMl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3OCwiRyI6MTQsIkIiOjE4fX0sIkxpbmVXZWlnaHQiOjEuMCwiTGluZVR5cGUiOjAsIlBhcmVudFN0eWxlIjp7IiRyZWYiOiI1NSJ9fSwiSXNCZWxvd1RpbWViYW5kIjpmYWxzZSwiSGlkZURhdGUiOmZhbHNlLCJTaGFwZVNpemUiOjEsIlNwYWNpbmciOjIuMCwiUGFkZGluZyI6eyIkcmVmIjoiNTgifSwiU2hhcGVTdHlsZSI6eyIkaWQiOiIyMTgiLCJNYXJnaW4iOnsiJHJlZiI6IjYwIn0sIlBhZGRpbmciOnsiJHJlZiI6IjYxIn0sIkJhY2tncm91bmQiOnsiJGlkIjoiMjE5IiwiQ29sb3IiOnsiJGlkIjoiMjIwIiwiQSI6MjU1LCJSIjoxNzgsIkciOjE0LCJCIjoxO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IsIkZvcmVncm91bmQiOnsiJHJlZiI6IjY3In0sIk1heFdpZHRoIjoyMzQuNjYzNDY3NDA3Mj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EsIkZvbnROYW1lIjoiQ2FsaWJyaSIsIklzQm9sZCI6dHJ1ZSwiSXNJdGFsaWMiOmZhbHNlLCJJc1VuZGVybGluZWQiOmZhbHNlLCJQYXJlbnRTdHlsZSI6eyIkcmVmIjoiNjYifX0sIkF1dG9TaXplIjoyLCJGb3JlZ3JvdW5kIjp7IiRyZWYiOiI2NyJ9LCJNYXhXaWR0aCI6MTcyLjI4NTQzMDkwODIwMzEz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NCIsIkxpbmVDb2xvciI6bnVsbCwiTGluZVdlaWdodCI6MC4wLCJMaW5lVHlwZSI6MCwiUGFyZW50U3R5bGUiOm51bGx9LCJQYXJlbnRTdHlsZSI6eyIkcmVmIjoiNjUifX0sIkRhdGVTdHlsZSI6eyIkaWQiOiIyNTUiLCJGb250U2V0dGluZ3MiOnsiJGlkIjoiMj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IiLCJMaW5lQ29sb3IiOm51bGwsIkxpbmVXZWlnaHQiOjAuMCwiTGluZVR5cGUiOjAsIlBhcmVudFN0eWxlIjpudWxsfSwiUGFyZW50U3R5bGUiOnsiJHJlZiI6IjgxIn19LCJEdXJhdGlvblN0eWxlIjp7IiRpZCI6IjI2MyIsIkZvbnRTZXR0aW5ncyI6eyIkaWQiOiIy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UiLCJMaW5lQ29sb3IiOm51bGwsIkxpbmVXZWlnaHQiOjAuMCwiTGluZVR5cGUiOjAsIlBhcmVudFN0eWxlIjpudWxsfSwiUGFyZW50U3R5bGUiOnsiJHJlZiI6Ijg4In19LCJIb3Jpem9udGFsQ29ubmVjdG9yU3R5bGUiOnsiJGlkIjoiMjY2IiwiTGluZUNvbG9yIjp7IiRyZWYiOiI5NiJ9LCJMaW5lV2VpZ2h0IjoxLjAsIkxpbmVUeXBlIjowLCJQYXJlbnRTdHlsZSI6eyIkcmVmIjoiOTUifX0sIlZlcnRpY2FsQ29ubmVjdG9yU3R5bGUiOnsiJGlkIjoiMjY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Y4IiwiTWFyZ2luIjp7IiRyZWYiOiIxMDIifSwiUGFkZGluZyI6eyIkcmVmIjoiMTAzIn0sIkJhY2tncm91bmQiOnsiJGlkIjoiMjY5IiwiQ29sb3IiOnsiJGlkIjoiMjcwIiwiQSI6MjU1LCJSIjoxNjUsIkciOjE2NSwiQiI6MTY1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NDAuODEzMzg1MDA5NzY1NjM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CIsIkxpbmVDb2xvciI6bnVsbCwiTGluZVdlaWdodCI6MC4wLCJMaW5lVHlwZSI6MCwiUGFyZW50U3R5bGUiOm51bGx9LCJQYXJlbnRTdHlsZSI6eyIkcmVmIjoiMTA3In19LCJEYXRlU3R5bGUiOnsiJGlkIjoiMjc1IiwiRm9udFNldHRpbmdzIjp7IiRpZCI6IjI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yIiwiTGluZUNvbG9yIjpudWxsLCJMaW5lV2VpZ2h0IjowLjAsIkxpbmVUeXBlIjowLCJQYXJlbnRTdHlsZSI6bnVsbH0sIlBhcmVudFN0eWxlIjp7IiRyZWYiOiI4MSJ9fSwiRHVyYXRpb25TdHlsZSI6eyIkaWQiOiIyODMiLCJGb250U2V0dGluZ3MiOnsiJGlkIjoiMjg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1IiwiTGluZUNvbG9yIjpudWxsLCJMaW5lV2VpZ2h0IjowLjAsIkxpbmVUeXBlIjowLCJQYXJlbnRTdHlsZSI6bnVsbH0sIlBhcmVudFN0eWxlIjp7IiRyZWYiOiI4OCJ9fSwiSG9yaXpvbnRhbENvbm5lY3RvclN0eWxlIjp7IiRpZCI6IjI4NiIsIkxpbmVDb2xvciI6eyIkcmVmIjoiOTYifSwiTGluZVdlaWdodCI6MS4wLCJMaW5lVHlwZSI6MCwiUGFyZW50U3R5bGUiOnsiJHJlZiI6Ijk1In19LCJWZXJ0aWNhbENvbm5lY3RvclN0eWxlIjp7IiRpZCI6IjI4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yZWYiOiIxMjEifSwiSXNWaXNpYmxlIjp0cnVlLCJQYXJlbnRTdHlsZSI6eyIkcmVmIjoiODAifX0sIkluZGV4IjoyLCJJZCI6IjNjZGU0ZTdkLTBjOWItNDE5My1iNjE5LWRhNzRlYWU0ZThmNiIsIkltcG9ydElkIjpudWxsLCJUaXRsZSI6IkluZGljYXRvciBzZWxlY3Rpb24iLCJOb3RlIjpudWxsLCJIeXBlcmxpbmsiOm51bGwsIklzQ2hhbmdlZCI6ZmFsc2UsIklzTmV3IjpmYWxzZX0seyIkaWQiOiIyOTgiLCJHcm91cE5hbWUiOm51bGwsIlN0YXJ0RGF0ZSI6IjIwMTYtMDItMjJUMDA6MDA6MDBaIiwiRW5kRGF0ZSI6IjIwMTYtMDItMjVUMjM6NTk6NTkuOTk5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yIiwiTGluZUNvbG9yIjpudWxsLCJMaW5lV2VpZ2h0IjowLjAsIkxpbmVUeXBlIjowLCJQYXJlbnRTdHlsZSI6bnVsbH0sIlBhcmVudFN0eWxlIjp7IiRyZWYiOiI4MSJ9fSwiRHVyYXRpb25TdHlsZSI6eyIkaWQiOiIzMjMiLCJGb250U2V0dGluZ3MiOnsiJGlkIjoiMzI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1IiwiTGluZUNvbG9yIjpudWxsLCJMaW5lV2VpZ2h0IjowLjAsIkxpbmVUeXBlIjowLCJQYXJlbnRTdHlsZSI6bnVsbH0sIlBhcmVudFN0eWxlIjp7IiRyZWYiOiI4OCJ9fSwiSG9yaXpvbnRhbENvbm5lY3RvclN0eWxlIjp7IiRpZCI6IjMyNiIsIkxpbmVDb2xvciI6eyIkcmVmIjoiOTYifSwiTGluZVdlaWdodCI6MS4wLCJMaW5lVHlwZSI6MCwiUGFyZW50U3R5bGUiOnsiJHJlZiI6Ijk1In19LCJWZXJ0aWNhbENvbm5lY3RvclN0eWxlIjp7IiRpZCI6IjMy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zQiLCJMaW5lQ29sb3IiOm51bGwsIkxpbmVXZWlnaHQiOjAuMCwiTGluZVR5cGUiOjAsIlBhcmVudFN0eWxlIjpudWxsfSwiUGFyZW50U3R5bGUiOnsiJHJlZiI6IjEwNyJ9fSwiRGF0ZVN0eWxlIjp7IiRpZCI6IjMzNSIsIkZvbnRTZXR0aW5ncyI6eyIkaWQiOiIz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IiLCJMaW5lQ29sb3IiOm51bGwsIkxpbmVXZWlnaHQiOjAuMCwiTGluZVR5cGUiOjAsIlBhcmVudFN0eWxlIjpudWxsfSwiUGFyZW50U3R5bGUiOnsiJHJlZiI6IjgxIn19LCJEdXJhdGlvblN0eWxlIjp7IiRpZCI6IjM0MyIsIkZvbnRTZXR0aW5ncyI6eyIkaWQiOiIz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UiLCJMaW5lQ29sb3IiOm51bGwsIkxpbmVXZWlnaHQiOjAuMCwiTGluZVR5cGUiOjAsIlBhcmVudFN0eWxlIjpudWxsfSwiUGFyZW50U3R5bGUiOnsiJHJlZiI6Ijg4In19LCJIb3Jpem9udGFsQ29ubmVjdG9yU3R5bGUiOnsiJGlkIjoiMzQ2IiwiTGluZUNvbG9yIjp7IiRyZWYiOiI5NiJ9LCJMaW5lV2VpZ2h0IjoxLjAsIkxpbmVUeXBlIjowLCJQYXJlbnRTdHlsZSI6eyIkcmVmIjoiOTUifX0sIlZlcnRpY2FsQ29ubmVjdG9yU3R5bGUiOnsiJGlkIjoiMzQ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TQiLCJMaW5lQ29sb3IiOm51bGwsIkxpbmVXZWlnaHQiOjAuMCwiTGluZVR5cGUiOjAsIlBhcmVudFN0eWxlIjpudWxsfSwiUGFyZW50U3R5bGUiOnsiJHJlZiI6IjEwNyJ9fSwiRGF0ZVN0eWxlIjp7IiRpZCI6IjM1NSIsIkZvbnRTZXR0aW5ncyI6eyIkaWQiOiIz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HVyYXRpb25TdHlsZSI6eyIkaWQiOiIzNjMiLCJGb250U2V0dGluZ3MiOnsiJGlkIjoiMz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1IiwiTGluZUNvbG9yIjpudWxsLCJMaW5lV2VpZ2h0IjowLjAsIkxpbmVUeXBlIjowLCJQYXJlbnRTdHlsZSI6bnVsbH0sIlBhcmVudFN0eWxlIjp7IiRyZWYiOiI4OCJ9fSwiSG9yaXpvbnRhbENvbm5lY3RvclN0eWxlIjp7IiRpZCI6IjM2NiIsIkxpbmVDb2xvciI6eyIkcmVmIjoiOTYifSwiTGluZVdlaWdodCI6MS4wLCJMaW5lVHlwZSI6MCwiUGFyZW50U3R5bGUiOnsiJHJlZiI6Ijk1In19LCJWZXJ0aWNhbENvbm5lY3RvclN0eWxlIjp7IiRpZCI6IjM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QiLCJMaW5lQ29sb3IiOm51bGwsIkxpbmVXZWlnaHQiOjAuMCwiTGluZVR5cGUiOjAsIlBhcmVudFN0eWxlIjpudWxsfSwiUGFyZW50U3R5bGUiOnsiJHJlZiI6IjEwNyJ9fSwiRGF0ZVN0eWxlIjp7IiRpZCI6IjM3NSIsIkZvbnRTZXR0aW5ncyI6eyIkaWQiOiIzN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yIiwiTGluZUNvbG9yIjpudWxsLCJMaW5lV2VpZ2h0IjowLjAsIkxpbmVUeXBlIjowLCJQYXJlbnRTdHlsZSI6bnVsbH0sIlBhcmVudFN0eWxlIjp7IiRyZWYiOiI4MSJ9fSwiRHVyYXRpb25TdHlsZSI6eyIkaWQiOiI0MDMiLCJGb250U2V0dGluZ3MiOnsiJGlkIjoiNDA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1IiwiTGluZUNvbG9yIjpudWxsLCJMaW5lV2VpZ2h0IjowLjAsIkxpbmVUeXBlIjowLCJQYXJlbnRTdHlsZSI6bnVsbH0sIlBhcmVudFN0eWxlIjp7IiRyZWYiOiI4OCJ9fSwiSG9yaXpvbnRhbENvbm5lY3RvclN0eWxlIjp7IiRpZCI6IjQwNiIsIkxpbmVDb2xvciI6eyIkcmVmIjoiOTYifSwiTGluZVdlaWdodCI6MS4wLCJMaW5lVHlwZSI6MCwiUGFyZW50U3R5bGUiOnsiJHJlZiI6Ijk1In19LCJWZXJ0aWNhbENvbm5lY3RvclN0eWxlIjp7IiRpZCI6IjQw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TQiLCJMaW5lQ29sb3IiOm51bGwsIkxpbmVXZWlnaHQiOjAuMCwiTGluZVR5cGUiOjAsIlBhcmVudFN0eWxlIjpudWxsfSwiUGFyZW50U3R5bGUiOnsiJHJlZiI6IjEwNyJ9fSwiRGF0ZVN0eWxlIjp7IiRpZCI6IjQxNSIsIkZvbnRTZXR0aW5ncyI6eyIkaWQiOiI0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UiLCJMaW5lQ29sb3IiOm51bGwsIkxpbmVXZWlnaHQiOjAuMCwiTGluZVR5cGUiOjAsIlBhcmVudFN0eWxlIjpudWxsfSwiUGFyZW50U3R5bGUiOnsiJHJlZiI6Ijg4In19LCJIb3Jpem9udGFsQ29ubmVjdG9yU3R5bGUiOnsiJGlkIjoiNDI2IiwiTGluZUNvbG9yIjp7IiRyZWYiOiI5NiJ9LCJMaW5lV2VpZ2h0IjoxLjAsIkxpbmVUeXBlIjowLCJQYXJlbnRTdHlsZSI6eyIkcmVmIjoiOTUifX0sIlZlcnRpY2FsQ29ubmVjdG9yU3R5bGUiOnsiJGlkIjoiNDI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zQiLCJMaW5lQ29sb3IiOm51bGwsIkxpbmVXZWlnaHQiOjAuMCwiTGluZVR5cGUiOjAsIlBhcmVudFN0eWxlIjpudWxsfSwiUGFyZW50U3R5bGUiOnsiJHJlZiI6IjEwNyJ9fSwiRGF0ZVN0eWxlIjp7IiRpZCI6IjQzNSIsIkZvbnRTZXR0aW5ncyI6eyIkaWQiOiI0Mz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MiIsIkxpbmVDb2xvciI6bnVsbCwiTGluZVdlaWdodCI6MC4wLCJMaW5lVHlwZSI6MCwiUGFyZW50U3R5bGUiOm51bGx9LCJQYXJlbnRTdHlsZSI6eyIkcmVmIjoiODEifX0sIkR1cmF0aW9uU3R5bGUiOnsiJGlkIjoiNDQzIiwiRm9udFNldHRpbmdzIjp7IiRpZCI6IjQ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SIsIkxpbmVDb2xvciI6bnVsbCwiTGluZVdlaWdodCI6MC4wLCJMaW5lVHlwZSI6MCwiUGFyZW50U3R5bGUiOm51bGx9LCJQYXJlbnRTdHlsZSI6eyIkcmVmIjoiODgifX0sIkhvcml6b250YWxDb25uZWN0b3JTdHlsZSI6eyIkaWQiOiI0NDYiLCJMaW5lQ29sb3IiOnsiJHJlZiI6Ijk2In0sIkxpbmVXZWlnaHQiOjEuMCwiTGluZVR5cGUiOjAsIlBhcmVudFN0eWxlIjp7IiRyZWYiOiI5NSJ9fSwiVmVydGljYWxDb25uZWN0b3JTdHlsZSI6eyIkaWQiOiI0ND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U0IiwiTGluZUNvbG9yIjpudWxsLCJMaW5lV2VpZ2h0IjowLjAsIkxpbmVUeXBlIjowLCJQYXJlbnRTdHlsZSI6bnVsbH0sIlBhcmVudFN0eWxlIjp7IiRyZWYiOiIxMDcifX0sIkRhdGVTdHlsZSI6eyIkaWQiOiI0NTUiLCJGb250U2V0dGluZ3MiOnsiJGlkIjoiND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
  <p:tag name="__MASTER" val="__part_0"/>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Custom 7">
      <a:dk1>
        <a:srgbClr val="470100"/>
      </a:dk1>
      <a:lt1>
        <a:srgbClr val="FFFFFF"/>
      </a:lt1>
      <a:dk2>
        <a:srgbClr val="470100"/>
      </a:dk2>
      <a:lt2>
        <a:srgbClr val="FFFFFF"/>
      </a:lt2>
      <a:accent1>
        <a:srgbClr val="C00000"/>
      </a:accent1>
      <a:accent2>
        <a:srgbClr val="BDB831"/>
      </a:accent2>
      <a:accent3>
        <a:srgbClr val="AF1F2C"/>
      </a:accent3>
      <a:accent4>
        <a:srgbClr val="357B9E"/>
      </a:accent4>
      <a:accent5>
        <a:srgbClr val="469A8F"/>
      </a:accent5>
      <a:accent6>
        <a:srgbClr val="C35727"/>
      </a:accent6>
      <a:hlink>
        <a:srgbClr val="595A5B"/>
      </a:hlink>
      <a:folHlink>
        <a:srgbClr val="595A5B"/>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128</TotalTime>
  <Words>1434</Words>
  <Application>Microsoft Office PowerPoint</Application>
  <PresentationFormat>Widescreen</PresentationFormat>
  <Paragraphs>394</Paragraphs>
  <Slides>18</Slides>
  <Notes>18</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8</vt:i4>
      </vt:variant>
    </vt:vector>
  </HeadingPairs>
  <TitlesOfParts>
    <vt:vector size="26" baseType="lpstr">
      <vt:lpstr>Arial</vt:lpstr>
      <vt:lpstr>Calibri</vt:lpstr>
      <vt:lpstr>Calibri Light</vt:lpstr>
      <vt:lpstr>helvetica</vt:lpstr>
      <vt:lpstr>helvetica</vt:lpstr>
      <vt:lpstr>Times New Roman</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llyson Krupar</dc:creator>
  <cp:lastModifiedBy>Allyson Krupar</cp:lastModifiedBy>
  <cp:revision>34</cp:revision>
  <cp:lastPrinted>2017-04-04T21:05:24Z</cp:lastPrinted>
  <dcterms:created xsi:type="dcterms:W3CDTF">2017-03-29T14:02:06Z</dcterms:created>
  <dcterms:modified xsi:type="dcterms:W3CDTF">2017-07-20T16:33:17Z</dcterms:modified>
</cp:coreProperties>
</file>